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8_{03A2BA19-C030-46CB-909C-0B563893000C}" xr6:coauthVersionLast="47" xr6:coauthVersionMax="47" xr10:uidLastSave="{00000000-0000-0000-0000-000000000000}"/>
  <bookViews>
    <workbookView xWindow="-110" yWindow="-110" windowWidth="19420" windowHeight="10300" tabRatio="844" xr2:uid="{00000000-000D-0000-FFFF-FFFF00000000}"/>
  </bookViews>
  <sheets>
    <sheet name="ア　施設及び業務の概況" sheetId="4" r:id="rId1"/>
    <sheet name="イ　損益計算書" sheetId="5" r:id="rId2"/>
    <sheet name="ウ　貸借対照表" sheetId="7" r:id="rId3"/>
    <sheet name="エ　資本的収支に関する調" sheetId="8" r:id="rId4"/>
    <sheet name="オ　経営分析（各種数値）" sheetId="12" r:id="rId5"/>
  </sheets>
  <externalReferences>
    <externalReference r:id="rId6"/>
  </externalReference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U$65</definedName>
    <definedName name="_xlnm.Print_Area" localSheetId="1">'イ　損益計算書'!$A$1:$U$61</definedName>
    <definedName name="_xlnm.Print_Area" localSheetId="2">'ウ　貸借対照表'!$A$1:$U$73</definedName>
    <definedName name="_xlnm.Print_Area" localSheetId="3">'エ　資本的収支に関する調'!$A$1:$U$56</definedName>
    <definedName name="_xlnm.Print_Area" localSheetId="4">'オ　経営分析（各種数値）'!$A$1:$U$46</definedName>
    <definedName name="_xlnm.Print_Titles" localSheetId="0">'ア　施設及び業務の概況'!$A:$J</definedName>
    <definedName name="_xlnm.Print_Titles" localSheetId="1">'イ　損益計算書'!$A:$J</definedName>
    <definedName name="_xlnm.Print_Titles" localSheetId="2">'ウ　貸借対照表'!$A:$J</definedName>
    <definedName name="_xlnm.Print_Titles" localSheetId="3">'エ　資本的収支に関する調'!$A:$J</definedName>
    <definedName name="_xlnm.Print_Titles" localSheetId="4">'オ　経営分析（各種数値）'!$A:$J</definedName>
    <definedName name="X01Y07_10">'[1]10(000)'!#REF!</definedName>
    <definedName name="X01Y08_10">'[1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46" uniqueCount="313">
  <si>
    <t>事業開始年月日</t>
    <rPh sb="0" eb="2">
      <t>ジギョウ</t>
    </rPh>
    <rPh sb="2" eb="4">
      <t>カイシ</t>
    </rPh>
    <rPh sb="4" eb="7">
      <t>ネンガッピ</t>
    </rPh>
    <phoneticPr fontId="4"/>
  </si>
  <si>
    <t>法適用年月日</t>
    <rPh sb="0" eb="1">
      <t>ホウ</t>
    </rPh>
    <rPh sb="1" eb="3">
      <t>テキヨウ</t>
    </rPh>
    <rPh sb="3" eb="6">
      <t>ネンガッピ</t>
    </rPh>
    <phoneticPr fontId="4"/>
  </si>
  <si>
    <t>法適用区分</t>
    <rPh sb="0" eb="1">
      <t>ホウ</t>
    </rPh>
    <rPh sb="1" eb="3">
      <t>テキヨウ</t>
    </rPh>
    <rPh sb="3" eb="5">
      <t>クブン</t>
    </rPh>
    <phoneticPr fontId="4"/>
  </si>
  <si>
    <t>管理者設置の有無</t>
    <rPh sb="0" eb="3">
      <t>カンリシャ</t>
    </rPh>
    <rPh sb="3" eb="5">
      <t>セッチ</t>
    </rPh>
    <rPh sb="6" eb="8">
      <t>ウム</t>
    </rPh>
    <phoneticPr fontId="4"/>
  </si>
  <si>
    <t>病床数（床）</t>
    <rPh sb="0" eb="2">
      <t>ビョウショウ</t>
    </rPh>
    <rPh sb="2" eb="3">
      <t>スウ</t>
    </rPh>
    <rPh sb="4" eb="5">
      <t>ユカ</t>
    </rPh>
    <phoneticPr fontId="4"/>
  </si>
  <si>
    <t>一般病床</t>
    <rPh sb="0" eb="2">
      <t>イッパン</t>
    </rPh>
    <rPh sb="2" eb="4">
      <t>ビョウショウ</t>
    </rPh>
    <phoneticPr fontId="4"/>
  </si>
  <si>
    <t>療養病床</t>
    <rPh sb="0" eb="2">
      <t>リョウヨウ</t>
    </rPh>
    <rPh sb="2" eb="4">
      <t>ビョウショウ</t>
    </rPh>
    <phoneticPr fontId="4"/>
  </si>
  <si>
    <t>結核病床</t>
    <rPh sb="0" eb="2">
      <t>ケッカク</t>
    </rPh>
    <rPh sb="2" eb="4">
      <t>ビョウショウ</t>
    </rPh>
    <phoneticPr fontId="4"/>
  </si>
  <si>
    <t>精神病床</t>
    <rPh sb="0" eb="2">
      <t>セイシン</t>
    </rPh>
    <rPh sb="2" eb="4">
      <t>ビョウショウ</t>
    </rPh>
    <phoneticPr fontId="4"/>
  </si>
  <si>
    <t>感染症病床</t>
    <rPh sb="0" eb="3">
      <t>カンセンショウ</t>
    </rPh>
    <rPh sb="3" eb="5">
      <t>ビョウショウ</t>
    </rPh>
    <phoneticPr fontId="4"/>
  </si>
  <si>
    <t>施設延面積（㎡）</t>
    <rPh sb="0" eb="2">
      <t>シセツ</t>
    </rPh>
    <rPh sb="2" eb="3">
      <t>ノ</t>
    </rPh>
    <rPh sb="3" eb="5">
      <t>メンセキ</t>
    </rPh>
    <phoneticPr fontId="4"/>
  </si>
  <si>
    <t>鉄骨鉄筋･鉄筋コンクリート造</t>
    <rPh sb="0" eb="2">
      <t>テッコツ</t>
    </rPh>
    <rPh sb="2" eb="4">
      <t>テッキン</t>
    </rPh>
    <rPh sb="5" eb="7">
      <t>テッキン</t>
    </rPh>
    <rPh sb="13" eb="14">
      <t>ゾウ</t>
    </rPh>
    <phoneticPr fontId="4"/>
  </si>
  <si>
    <t>耐火構造</t>
    <rPh sb="0" eb="2">
      <t>タイカ</t>
    </rPh>
    <rPh sb="2" eb="4">
      <t>コウゾウ</t>
    </rPh>
    <phoneticPr fontId="4"/>
  </si>
  <si>
    <t>木造</t>
    <rPh sb="0" eb="2">
      <t>モクゾウ</t>
    </rPh>
    <phoneticPr fontId="4"/>
  </si>
  <si>
    <t>その他の
施設</t>
    <rPh sb="2" eb="3">
      <t>タ</t>
    </rPh>
    <rPh sb="5" eb="7">
      <t>シセツ</t>
    </rPh>
    <phoneticPr fontId="4"/>
  </si>
  <si>
    <t>診療所数</t>
    <rPh sb="0" eb="3">
      <t>シンリョウジョ</t>
    </rPh>
    <rPh sb="3" eb="4">
      <t>スウ</t>
    </rPh>
    <phoneticPr fontId="4"/>
  </si>
  <si>
    <t>看護学院</t>
    <rPh sb="0" eb="3">
      <t>カンゴガク</t>
    </rPh>
    <rPh sb="3" eb="4">
      <t>イン</t>
    </rPh>
    <phoneticPr fontId="4"/>
  </si>
  <si>
    <t>高看</t>
    <rPh sb="0" eb="1">
      <t>コウ</t>
    </rPh>
    <rPh sb="1" eb="2">
      <t>ミ</t>
    </rPh>
    <phoneticPr fontId="4"/>
  </si>
  <si>
    <t>定数（人）</t>
    <rPh sb="0" eb="2">
      <t>テイスウ</t>
    </rPh>
    <rPh sb="3" eb="4">
      <t>ニン</t>
    </rPh>
    <phoneticPr fontId="4"/>
  </si>
  <si>
    <t>在籍人数（人）</t>
    <rPh sb="0" eb="2">
      <t>ザイセキ</t>
    </rPh>
    <rPh sb="2" eb="4">
      <t>ニンズウ</t>
    </rPh>
    <rPh sb="5" eb="6">
      <t>ニン</t>
    </rPh>
    <phoneticPr fontId="4"/>
  </si>
  <si>
    <t>准看</t>
    <rPh sb="0" eb="1">
      <t>ジュン</t>
    </rPh>
    <rPh sb="1" eb="2">
      <t>ミ</t>
    </rPh>
    <phoneticPr fontId="4"/>
  </si>
  <si>
    <t>救急病院
の告示</t>
    <rPh sb="0" eb="2">
      <t>キュウキュウ</t>
    </rPh>
    <rPh sb="2" eb="4">
      <t>ビョウイン</t>
    </rPh>
    <rPh sb="6" eb="8">
      <t>コクジ</t>
    </rPh>
    <phoneticPr fontId="4"/>
  </si>
  <si>
    <t>告示の有無</t>
    <rPh sb="0" eb="2">
      <t>コクジ</t>
    </rPh>
    <rPh sb="3" eb="5">
      <t>ウム</t>
    </rPh>
    <phoneticPr fontId="4"/>
  </si>
  <si>
    <t>告示病床数（床）</t>
    <rPh sb="0" eb="2">
      <t>コクジ</t>
    </rPh>
    <rPh sb="2" eb="4">
      <t>ビョウショウ</t>
    </rPh>
    <rPh sb="4" eb="5">
      <t>スウ</t>
    </rPh>
    <rPh sb="6" eb="7">
      <t>ユカ</t>
    </rPh>
    <phoneticPr fontId="4"/>
  </si>
  <si>
    <t>その他</t>
    <rPh sb="2" eb="3">
      <t>タ</t>
    </rPh>
    <phoneticPr fontId="4"/>
  </si>
  <si>
    <t>業務</t>
    <rPh sb="0" eb="2">
      <t>ギョウム</t>
    </rPh>
    <phoneticPr fontId="4"/>
  </si>
  <si>
    <t>入院診療日数（日）</t>
    <rPh sb="0" eb="2">
      <t>ニュウイン</t>
    </rPh>
    <rPh sb="2" eb="4">
      <t>シンリョウ</t>
    </rPh>
    <rPh sb="4" eb="6">
      <t>ニッスウ</t>
    </rPh>
    <rPh sb="7" eb="8">
      <t>ニチ</t>
    </rPh>
    <phoneticPr fontId="4"/>
  </si>
  <si>
    <t>年延入院患者数（人）</t>
    <rPh sb="0" eb="1">
      <t>ネン</t>
    </rPh>
    <rPh sb="1" eb="2">
      <t>ノ</t>
    </rPh>
    <rPh sb="2" eb="4">
      <t>ニュウイン</t>
    </rPh>
    <rPh sb="4" eb="7">
      <t>カンジャスウ</t>
    </rPh>
    <rPh sb="8" eb="9">
      <t>ニン</t>
    </rPh>
    <phoneticPr fontId="4"/>
  </si>
  <si>
    <t>外来診療日数（日）</t>
    <rPh sb="0" eb="2">
      <t>ガイライ</t>
    </rPh>
    <rPh sb="2" eb="4">
      <t>シンリョウ</t>
    </rPh>
    <rPh sb="4" eb="6">
      <t>ニッスウ</t>
    </rPh>
    <rPh sb="7" eb="8">
      <t>ニチ</t>
    </rPh>
    <phoneticPr fontId="4"/>
  </si>
  <si>
    <t>年延外来患者数（人）</t>
    <rPh sb="0" eb="1">
      <t>ネン</t>
    </rPh>
    <rPh sb="1" eb="2">
      <t>ノ</t>
    </rPh>
    <rPh sb="2" eb="4">
      <t>ガイライ</t>
    </rPh>
    <rPh sb="4" eb="7">
      <t>カンジャスウ</t>
    </rPh>
    <rPh sb="8" eb="9">
      <t>ニン</t>
    </rPh>
    <phoneticPr fontId="4"/>
  </si>
  <si>
    <t>職員数（人）</t>
    <rPh sb="0" eb="3">
      <t>ショクインスウ</t>
    </rPh>
    <rPh sb="4" eb="5">
      <t>ニン</t>
    </rPh>
    <phoneticPr fontId="4"/>
  </si>
  <si>
    <t>損益勘定所属職員</t>
    <rPh sb="0" eb="2">
      <t>ソンエキ</t>
    </rPh>
    <rPh sb="2" eb="4">
      <t>カンジョウ</t>
    </rPh>
    <rPh sb="4" eb="6">
      <t>ショゾク</t>
    </rPh>
    <rPh sb="6" eb="8">
      <t>ショクイン</t>
    </rPh>
    <phoneticPr fontId="4"/>
  </si>
  <si>
    <t>資本勘定所属職員</t>
    <rPh sb="0" eb="2">
      <t>シホン</t>
    </rPh>
    <rPh sb="2" eb="4">
      <t>カンジョウ</t>
    </rPh>
    <rPh sb="4" eb="6">
      <t>ショゾク</t>
    </rPh>
    <rPh sb="6" eb="8">
      <t>ショクイン</t>
    </rPh>
    <phoneticPr fontId="4"/>
  </si>
  <si>
    <t/>
  </si>
  <si>
    <t>さいたま市</t>
    <phoneticPr fontId="4"/>
  </si>
  <si>
    <t>川口市</t>
    <phoneticPr fontId="4"/>
  </si>
  <si>
    <t>秩父市</t>
    <phoneticPr fontId="4"/>
  </si>
  <si>
    <t>所沢市</t>
    <phoneticPr fontId="4"/>
  </si>
  <si>
    <t>東松山市</t>
    <phoneticPr fontId="4"/>
  </si>
  <si>
    <t>春日部市</t>
    <phoneticPr fontId="4"/>
  </si>
  <si>
    <t>草加市</t>
    <phoneticPr fontId="4"/>
  </si>
  <si>
    <t>越谷市</t>
    <phoneticPr fontId="4"/>
  </si>
  <si>
    <t>蕨市</t>
    <phoneticPr fontId="4"/>
  </si>
  <si>
    <t>小鹿野町</t>
    <phoneticPr fontId="4"/>
  </si>
  <si>
    <t>収益的支出に充てた企業債</t>
  </si>
  <si>
    <t>収益的支出に充てた他会計借入金</t>
  </si>
  <si>
    <t>入院収益</t>
    <rPh sb="0" eb="2">
      <t>ニュウイン</t>
    </rPh>
    <rPh sb="2" eb="4">
      <t>シュウエキ</t>
    </rPh>
    <phoneticPr fontId="4"/>
  </si>
  <si>
    <t>外来収益</t>
    <rPh sb="0" eb="2">
      <t>ガイライ</t>
    </rPh>
    <rPh sb="2" eb="4">
      <t>シュウエキ</t>
    </rPh>
    <phoneticPr fontId="4"/>
  </si>
  <si>
    <t>その他医業収益</t>
    <rPh sb="2" eb="3">
      <t>タ</t>
    </rPh>
    <rPh sb="3" eb="5">
      <t>イギョウ</t>
    </rPh>
    <rPh sb="5" eb="7">
      <t>シュウエキ</t>
    </rPh>
    <phoneticPr fontId="4"/>
  </si>
  <si>
    <t>他会計負担金</t>
    <rPh sb="0" eb="1">
      <t>タ</t>
    </rPh>
    <rPh sb="1" eb="3">
      <t>カイケイ</t>
    </rPh>
    <rPh sb="3" eb="6">
      <t>フタンキン</t>
    </rPh>
    <phoneticPr fontId="4"/>
  </si>
  <si>
    <t>受取利息･配当金</t>
    <rPh sb="0" eb="2">
      <t>ウケトリ</t>
    </rPh>
    <rPh sb="2" eb="4">
      <t>リソク</t>
    </rPh>
    <rPh sb="5" eb="8">
      <t>ハイトウキン</t>
    </rPh>
    <phoneticPr fontId="4"/>
  </si>
  <si>
    <t>看護学院収益</t>
    <rPh sb="0" eb="3">
      <t>カンゴガク</t>
    </rPh>
    <rPh sb="3" eb="4">
      <t>イン</t>
    </rPh>
    <rPh sb="4" eb="6">
      <t>シュウエキ</t>
    </rPh>
    <phoneticPr fontId="4"/>
  </si>
  <si>
    <t>国庫補助金</t>
    <rPh sb="0" eb="2">
      <t>コッコ</t>
    </rPh>
    <rPh sb="2" eb="5">
      <t>ホジョキン</t>
    </rPh>
    <phoneticPr fontId="4"/>
  </si>
  <si>
    <t>県補助金</t>
    <rPh sb="0" eb="1">
      <t>ケン</t>
    </rPh>
    <rPh sb="1" eb="4">
      <t>ホジョキン</t>
    </rPh>
    <phoneticPr fontId="4"/>
  </si>
  <si>
    <t>他会計補助金</t>
    <rPh sb="0" eb="1">
      <t>タ</t>
    </rPh>
    <rPh sb="1" eb="3">
      <t>カイケイ</t>
    </rPh>
    <rPh sb="3" eb="6">
      <t>ホジョキン</t>
    </rPh>
    <phoneticPr fontId="4"/>
  </si>
  <si>
    <t>長期前受金戻入</t>
    <rPh sb="0" eb="2">
      <t>チョウキ</t>
    </rPh>
    <rPh sb="2" eb="5">
      <t>マエウケキン</t>
    </rPh>
    <rPh sb="5" eb="7">
      <t>レイニュウ</t>
    </rPh>
    <phoneticPr fontId="4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4"/>
  </si>
  <si>
    <t>その他医業外収益</t>
    <rPh sb="2" eb="3">
      <t>タ</t>
    </rPh>
    <rPh sb="3" eb="5">
      <t>イギョウ</t>
    </rPh>
    <rPh sb="5" eb="6">
      <t>ガイ</t>
    </rPh>
    <rPh sb="6" eb="8">
      <t>シュウエキ</t>
    </rPh>
    <phoneticPr fontId="4"/>
  </si>
  <si>
    <t>特別利益</t>
    <rPh sb="0" eb="2">
      <t>トクベツ</t>
    </rPh>
    <rPh sb="2" eb="4">
      <t>リエキ</t>
    </rPh>
    <phoneticPr fontId="4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4"/>
  </si>
  <si>
    <t>固定資産売却益</t>
    <rPh sb="0" eb="2">
      <t>コテイ</t>
    </rPh>
    <rPh sb="2" eb="4">
      <t>シサン</t>
    </rPh>
    <rPh sb="4" eb="7">
      <t>バイキャクエキ</t>
    </rPh>
    <phoneticPr fontId="4"/>
  </si>
  <si>
    <t>総費用 d</t>
    <rPh sb="0" eb="3">
      <t>ソウヒヨウ</t>
    </rPh>
    <phoneticPr fontId="4"/>
  </si>
  <si>
    <t>職員給与費</t>
    <rPh sb="0" eb="2">
      <t>ショクイン</t>
    </rPh>
    <rPh sb="2" eb="4">
      <t>キュウヨ</t>
    </rPh>
    <rPh sb="4" eb="5">
      <t>ヒ</t>
    </rPh>
    <phoneticPr fontId="4"/>
  </si>
  <si>
    <t>材料費</t>
    <rPh sb="0" eb="3">
      <t>ザイリョウヒ</t>
    </rPh>
    <phoneticPr fontId="4"/>
  </si>
  <si>
    <t>その他医業費用</t>
    <rPh sb="2" eb="3">
      <t>タ</t>
    </rPh>
    <rPh sb="3" eb="5">
      <t>イギョウ</t>
    </rPh>
    <rPh sb="5" eb="7">
      <t>ヒヨウ</t>
    </rPh>
    <phoneticPr fontId="4"/>
  </si>
  <si>
    <t>支払利息</t>
    <rPh sb="0" eb="2">
      <t>シハライ</t>
    </rPh>
    <rPh sb="2" eb="4">
      <t>リソク</t>
    </rPh>
    <phoneticPr fontId="4"/>
  </si>
  <si>
    <t>看護学院費</t>
    <rPh sb="0" eb="3">
      <t>カンゴガク</t>
    </rPh>
    <rPh sb="3" eb="4">
      <t>イン</t>
    </rPh>
    <rPh sb="4" eb="5">
      <t>ヒ</t>
    </rPh>
    <phoneticPr fontId="4"/>
  </si>
  <si>
    <t>繰延勘定償却</t>
    <rPh sb="0" eb="2">
      <t>クリノベ</t>
    </rPh>
    <rPh sb="2" eb="4">
      <t>カンジョウ</t>
    </rPh>
    <rPh sb="4" eb="6">
      <t>ショウキャク</t>
    </rPh>
    <phoneticPr fontId="4"/>
  </si>
  <si>
    <t>その他医業外費用</t>
    <rPh sb="2" eb="3">
      <t>タ</t>
    </rPh>
    <rPh sb="3" eb="5">
      <t>イギョウ</t>
    </rPh>
    <rPh sb="5" eb="6">
      <t>ガイ</t>
    </rPh>
    <rPh sb="6" eb="8">
      <t>ヒヨウ</t>
    </rPh>
    <phoneticPr fontId="4"/>
  </si>
  <si>
    <t>特別損失</t>
    <rPh sb="0" eb="2">
      <t>トクベツ</t>
    </rPh>
    <rPh sb="2" eb="4">
      <t>ソンシツ</t>
    </rPh>
    <phoneticPr fontId="4"/>
  </si>
  <si>
    <t>経常利益（b＋c）－（e＋f）</t>
    <rPh sb="0" eb="2">
      <t>ケイジョウ</t>
    </rPh>
    <rPh sb="2" eb="4">
      <t>リエキ</t>
    </rPh>
    <phoneticPr fontId="4"/>
  </si>
  <si>
    <t>純利益 a－d</t>
    <rPh sb="0" eb="3">
      <t>ジュンリエキ</t>
    </rPh>
    <phoneticPr fontId="4"/>
  </si>
  <si>
    <t>前年度繰越利益剰余金</t>
    <rPh sb="0" eb="3">
      <t>ゼンネンド</t>
    </rPh>
    <rPh sb="3" eb="5">
      <t>クリコシ</t>
    </rPh>
    <rPh sb="5" eb="7">
      <t>リエキ</t>
    </rPh>
    <rPh sb="7" eb="10">
      <t>ジョウヨキン</t>
    </rPh>
    <phoneticPr fontId="4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4"/>
  </si>
  <si>
    <t>当年度未処分利益剰余金</t>
    <rPh sb="0" eb="1">
      <t>トウ</t>
    </rPh>
    <rPh sb="1" eb="3">
      <t>ネンド</t>
    </rPh>
    <rPh sb="3" eb="6">
      <t>ミショブン</t>
    </rPh>
    <rPh sb="6" eb="8">
      <t>リエキ</t>
    </rPh>
    <rPh sb="8" eb="11">
      <t>ジョウヨキン</t>
    </rPh>
    <phoneticPr fontId="4"/>
  </si>
  <si>
    <t>他会計繰入金合計</t>
    <rPh sb="0" eb="3">
      <t>タカイケイ</t>
    </rPh>
    <rPh sb="3" eb="6">
      <t>クリイレキン</t>
    </rPh>
    <rPh sb="6" eb="8">
      <t>ゴウケイ</t>
    </rPh>
    <phoneticPr fontId="6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6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6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6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6"/>
  </si>
  <si>
    <t>資金に関わる交換差額</t>
    <rPh sb="0" eb="2">
      <t>シキン</t>
    </rPh>
    <rPh sb="3" eb="4">
      <t>カカ</t>
    </rPh>
    <rPh sb="6" eb="8">
      <t>コウカン</t>
    </rPh>
    <rPh sb="8" eb="10">
      <t>サガク</t>
    </rPh>
    <phoneticPr fontId="4"/>
  </si>
  <si>
    <t>資金の増加額又は減少額</t>
    <rPh sb="0" eb="2">
      <t>シキン</t>
    </rPh>
    <rPh sb="3" eb="5">
      <t>ゾウカ</t>
    </rPh>
    <rPh sb="5" eb="6">
      <t>ガク</t>
    </rPh>
    <rPh sb="6" eb="7">
      <t>マタ</t>
    </rPh>
    <rPh sb="8" eb="10">
      <t>ゲンショウ</t>
    </rPh>
    <rPh sb="10" eb="11">
      <t>ガク</t>
    </rPh>
    <phoneticPr fontId="4"/>
  </si>
  <si>
    <t>資金期首残高</t>
    <rPh sb="0" eb="2">
      <t>シキン</t>
    </rPh>
    <rPh sb="2" eb="4">
      <t>キシュ</t>
    </rPh>
    <rPh sb="4" eb="6">
      <t>ザンダカ</t>
    </rPh>
    <phoneticPr fontId="4"/>
  </si>
  <si>
    <t>資金期末残高</t>
    <rPh sb="0" eb="2">
      <t>シキン</t>
    </rPh>
    <rPh sb="2" eb="4">
      <t>キマツ</t>
    </rPh>
    <rPh sb="4" eb="6">
      <t>ザンダカ</t>
    </rPh>
    <phoneticPr fontId="4"/>
  </si>
  <si>
    <t>計</t>
    <rPh sb="0" eb="1">
      <t>ケイ</t>
    </rPh>
    <phoneticPr fontId="4"/>
  </si>
  <si>
    <t>固定資産</t>
  </si>
  <si>
    <t>有形固定資産</t>
  </si>
  <si>
    <t>土地</t>
  </si>
  <si>
    <t>償却資産</t>
  </si>
  <si>
    <t>建設仮勘定</t>
  </si>
  <si>
    <t>その他</t>
  </si>
  <si>
    <t>無形固定資産</t>
  </si>
  <si>
    <t>流動資産</t>
  </si>
  <si>
    <t>現金・預金</t>
  </si>
  <si>
    <t>貯蔵品</t>
  </si>
  <si>
    <t>短期有価証券</t>
  </si>
  <si>
    <t>計</t>
  </si>
  <si>
    <t>固定負債</t>
  </si>
  <si>
    <t>再建債</t>
  </si>
  <si>
    <t>流動負債</t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国庫補助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当年度未処分利益剰余金</t>
  </si>
  <si>
    <t>負債・資本合計</t>
  </si>
  <si>
    <t>不良債務</t>
  </si>
  <si>
    <t>実質資金不足額</t>
  </si>
  <si>
    <t>経常利益</t>
  </si>
  <si>
    <t>資産</t>
    <rPh sb="0" eb="2">
      <t>シサン</t>
    </rPh>
    <phoneticPr fontId="4"/>
  </si>
  <si>
    <t>うちリース資産</t>
    <rPh sb="5" eb="7">
      <t>シサン</t>
    </rPh>
    <phoneticPr fontId="4"/>
  </si>
  <si>
    <t>投資その他の資産</t>
    <rPh sb="4" eb="5">
      <t>タ</t>
    </rPh>
    <rPh sb="6" eb="8">
      <t>シサン</t>
    </rPh>
    <phoneticPr fontId="4"/>
  </si>
  <si>
    <t>繰延資産</t>
    <rPh sb="0" eb="2">
      <t>クリノベ</t>
    </rPh>
    <rPh sb="2" eb="4">
      <t>シサン</t>
    </rPh>
    <phoneticPr fontId="4"/>
  </si>
  <si>
    <t>負債</t>
    <phoneticPr fontId="4"/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4"/>
  </si>
  <si>
    <t>その他の企業債</t>
    <rPh sb="2" eb="3">
      <t>タ</t>
    </rPh>
    <rPh sb="4" eb="6">
      <t>キギョウ</t>
    </rPh>
    <rPh sb="6" eb="7">
      <t>サイ</t>
    </rPh>
    <phoneticPr fontId="4"/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4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4"/>
  </si>
  <si>
    <t>引当金</t>
    <phoneticPr fontId="4"/>
  </si>
  <si>
    <t>リース債務</t>
    <phoneticPr fontId="4"/>
  </si>
  <si>
    <t>その他</t>
    <phoneticPr fontId="4"/>
  </si>
  <si>
    <t>リース債務</t>
    <rPh sb="3" eb="5">
      <t>サイム</t>
    </rPh>
    <phoneticPr fontId="4"/>
  </si>
  <si>
    <t>一時借入金</t>
    <rPh sb="0" eb="2">
      <t>イチジ</t>
    </rPh>
    <rPh sb="2" eb="4">
      <t>カリイレ</t>
    </rPh>
    <rPh sb="4" eb="5">
      <t>キン</t>
    </rPh>
    <phoneticPr fontId="4"/>
  </si>
  <si>
    <t>繰延収益</t>
    <rPh sb="0" eb="2">
      <t>クリノベ</t>
    </rPh>
    <rPh sb="2" eb="4">
      <t>シュウエキ</t>
    </rPh>
    <phoneticPr fontId="4"/>
  </si>
  <si>
    <t>資本</t>
    <rPh sb="0" eb="2">
      <t>シホン</t>
    </rPh>
    <phoneticPr fontId="4"/>
  </si>
  <si>
    <t>剰余金等</t>
    <rPh sb="0" eb="4">
      <t>ジョウヨキントウ</t>
    </rPh>
    <phoneticPr fontId="4"/>
  </si>
  <si>
    <t>うち</t>
    <phoneticPr fontId="4"/>
  </si>
  <si>
    <t>当年度純利益</t>
    <phoneticPr fontId="4"/>
  </si>
  <si>
    <t>その他有価証券評価差額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phoneticPr fontId="4"/>
  </si>
  <si>
    <t>資本的収入</t>
    <rPh sb="0" eb="3">
      <t>シホンテキ</t>
    </rPh>
    <rPh sb="3" eb="5">
      <t>シュウニュウ</t>
    </rPh>
    <phoneticPr fontId="4"/>
  </si>
  <si>
    <t>企業債</t>
    <rPh sb="0" eb="2">
      <t>キギョウ</t>
    </rPh>
    <rPh sb="2" eb="3">
      <t>サイ</t>
    </rPh>
    <phoneticPr fontId="4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4"/>
  </si>
  <si>
    <t>他会計出資金</t>
    <rPh sb="0" eb="1">
      <t>タ</t>
    </rPh>
    <rPh sb="1" eb="3">
      <t>カイケイ</t>
    </rPh>
    <rPh sb="3" eb="6">
      <t>シュッシキン</t>
    </rPh>
    <phoneticPr fontId="4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4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4"/>
  </si>
  <si>
    <t>工事負担金</t>
    <rPh sb="0" eb="2">
      <t>コウジ</t>
    </rPh>
    <rPh sb="2" eb="5">
      <t>フタンキン</t>
    </rPh>
    <phoneticPr fontId="4"/>
  </si>
  <si>
    <t>翌年度へ繰越される</t>
    <rPh sb="0" eb="3">
      <t>ヨクネンド</t>
    </rPh>
    <rPh sb="4" eb="6">
      <t>クリコ</t>
    </rPh>
    <phoneticPr fontId="4"/>
  </si>
  <si>
    <t>資本的支出</t>
    <rPh sb="0" eb="3">
      <t>シホンテキ</t>
    </rPh>
    <rPh sb="3" eb="5">
      <t>シシュツ</t>
    </rPh>
    <phoneticPr fontId="4"/>
  </si>
  <si>
    <t>建設改良費</t>
    <rPh sb="0" eb="2">
      <t>ケンセツ</t>
    </rPh>
    <rPh sb="2" eb="4">
      <t>カイリョウ</t>
    </rPh>
    <rPh sb="4" eb="5">
      <t>ヒ</t>
    </rPh>
    <phoneticPr fontId="4"/>
  </si>
  <si>
    <t>建設利息</t>
    <rPh sb="0" eb="2">
      <t>ケンセツ</t>
    </rPh>
    <rPh sb="2" eb="4">
      <t>リソク</t>
    </rPh>
    <phoneticPr fontId="4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4"/>
  </si>
  <si>
    <t>他会計への支出金</t>
    <rPh sb="0" eb="1">
      <t>タ</t>
    </rPh>
    <rPh sb="1" eb="3">
      <t>カイケイ</t>
    </rPh>
    <rPh sb="5" eb="8">
      <t>シシュツキン</t>
    </rPh>
    <phoneticPr fontId="4"/>
  </si>
  <si>
    <t>差額</t>
    <rPh sb="0" eb="2">
      <t>サガク</t>
    </rPh>
    <phoneticPr fontId="4"/>
  </si>
  <si>
    <t>補てん財源</t>
    <rPh sb="0" eb="1">
      <t>ホ</t>
    </rPh>
    <rPh sb="3" eb="5">
      <t>ザイゲン</t>
    </rPh>
    <phoneticPr fontId="4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4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4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4"/>
  </si>
  <si>
    <t>繰越工事資金</t>
    <rPh sb="0" eb="2">
      <t>クリコシ</t>
    </rPh>
    <rPh sb="2" eb="4">
      <t>コウジ</t>
    </rPh>
    <rPh sb="4" eb="6">
      <t>シキン</t>
    </rPh>
    <phoneticPr fontId="4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4"/>
  </si>
  <si>
    <t>企業債償還金のうち繰上償還金分</t>
    <rPh sb="0" eb="2">
      <t>キギョウ</t>
    </rPh>
    <rPh sb="2" eb="3">
      <t>サイ</t>
    </rPh>
    <rPh sb="3" eb="6">
      <t>ショウカンキン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4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4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4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4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4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4"/>
  </si>
  <si>
    <t>繰出基準事由以外の繰入</t>
    <rPh sb="0" eb="2">
      <t>クリダシ</t>
    </rPh>
    <rPh sb="2" eb="4">
      <t>キジュン</t>
    </rPh>
    <rPh sb="4" eb="6">
      <t>ジユウ</t>
    </rPh>
    <rPh sb="6" eb="8">
      <t>イガイ</t>
    </rPh>
    <rPh sb="9" eb="11">
      <t>クリイレ</t>
    </rPh>
    <phoneticPr fontId="4"/>
  </si>
  <si>
    <t>企業債現在高</t>
    <rPh sb="0" eb="2">
      <t>キギョウ</t>
    </rPh>
    <rPh sb="2" eb="3">
      <t>サイ</t>
    </rPh>
    <rPh sb="3" eb="6">
      <t>ゲンザイダカ</t>
    </rPh>
    <phoneticPr fontId="4"/>
  </si>
  <si>
    <t>医師</t>
    <rPh sb="0" eb="2">
      <t>イシ</t>
    </rPh>
    <phoneticPr fontId="4"/>
  </si>
  <si>
    <t>年延入院患者数（人）</t>
    <rPh sb="0" eb="1">
      <t>ネン</t>
    </rPh>
    <rPh sb="1" eb="2">
      <t>ノ</t>
    </rPh>
    <rPh sb="2" eb="4">
      <t>ニュウイン</t>
    </rPh>
    <rPh sb="4" eb="6">
      <t>カンジャ</t>
    </rPh>
    <rPh sb="6" eb="7">
      <t>スウ</t>
    </rPh>
    <rPh sb="8" eb="9">
      <t>ニン</t>
    </rPh>
    <phoneticPr fontId="4"/>
  </si>
  <si>
    <t>一般患者数</t>
    <rPh sb="0" eb="2">
      <t>イッパン</t>
    </rPh>
    <rPh sb="2" eb="5">
      <t>カンジャスウ</t>
    </rPh>
    <phoneticPr fontId="4"/>
  </si>
  <si>
    <t>療養患者数</t>
    <rPh sb="0" eb="2">
      <t>リョウヨウ</t>
    </rPh>
    <rPh sb="2" eb="5">
      <t>カンジャスウ</t>
    </rPh>
    <phoneticPr fontId="4"/>
  </si>
  <si>
    <t>結核患者数</t>
    <rPh sb="0" eb="2">
      <t>ケッカク</t>
    </rPh>
    <rPh sb="2" eb="5">
      <t>カンジャスウ</t>
    </rPh>
    <phoneticPr fontId="4"/>
  </si>
  <si>
    <t>感染症患者数</t>
    <rPh sb="0" eb="3">
      <t>カンセンショウ</t>
    </rPh>
    <rPh sb="3" eb="6">
      <t>カンジャスウ</t>
    </rPh>
    <phoneticPr fontId="4"/>
  </si>
  <si>
    <t>診療収入</t>
    <rPh sb="0" eb="2">
      <t>シンリョウ</t>
    </rPh>
    <rPh sb="2" eb="4">
      <t>シュウニュウ</t>
    </rPh>
    <phoneticPr fontId="4"/>
  </si>
  <si>
    <t>入院</t>
    <rPh sb="0" eb="2">
      <t>ニュウイン</t>
    </rPh>
    <phoneticPr fontId="4"/>
  </si>
  <si>
    <t>投薬収入</t>
    <rPh sb="0" eb="2">
      <t>トウヤク</t>
    </rPh>
    <rPh sb="2" eb="4">
      <t>シュウニュウ</t>
    </rPh>
    <phoneticPr fontId="4"/>
  </si>
  <si>
    <t>注射収入</t>
    <rPh sb="0" eb="2">
      <t>チュウシャ</t>
    </rPh>
    <rPh sb="2" eb="4">
      <t>シュウニュウ</t>
    </rPh>
    <phoneticPr fontId="4"/>
  </si>
  <si>
    <t>処置及び手術収入</t>
    <rPh sb="0" eb="2">
      <t>ショチ</t>
    </rPh>
    <rPh sb="2" eb="3">
      <t>オヨ</t>
    </rPh>
    <rPh sb="4" eb="6">
      <t>シュジュツ</t>
    </rPh>
    <rPh sb="6" eb="8">
      <t>シュウニュウ</t>
    </rPh>
    <phoneticPr fontId="4"/>
  </si>
  <si>
    <t>検査収入</t>
    <rPh sb="0" eb="2">
      <t>ケンサ</t>
    </rPh>
    <rPh sb="2" eb="4">
      <t>シュウニュウ</t>
    </rPh>
    <phoneticPr fontId="4"/>
  </si>
  <si>
    <t>放射線収入</t>
    <rPh sb="0" eb="3">
      <t>ホウシャセン</t>
    </rPh>
    <rPh sb="3" eb="5">
      <t>シュウニュウ</t>
    </rPh>
    <phoneticPr fontId="4"/>
  </si>
  <si>
    <t>入院料</t>
    <rPh sb="0" eb="3">
      <t>ニュウインリョウ</t>
    </rPh>
    <phoneticPr fontId="4"/>
  </si>
  <si>
    <t>入院時食事療養収入</t>
    <rPh sb="0" eb="2">
      <t>ニュウイン</t>
    </rPh>
    <rPh sb="2" eb="3">
      <t>ジ</t>
    </rPh>
    <rPh sb="3" eb="5">
      <t>ショクジ</t>
    </rPh>
    <rPh sb="5" eb="7">
      <t>リョウヨウ</t>
    </rPh>
    <rPh sb="7" eb="9">
      <t>シュウニュウ</t>
    </rPh>
    <phoneticPr fontId="4"/>
  </si>
  <si>
    <t>外来</t>
    <rPh sb="0" eb="2">
      <t>ガイライ</t>
    </rPh>
    <phoneticPr fontId="4"/>
  </si>
  <si>
    <t>初診料</t>
    <rPh sb="0" eb="3">
      <t>ショシンリョウ</t>
    </rPh>
    <phoneticPr fontId="4"/>
  </si>
  <si>
    <t>再診料</t>
    <rPh sb="0" eb="2">
      <t>サイシン</t>
    </rPh>
    <rPh sb="2" eb="3">
      <t>リョウ</t>
    </rPh>
    <phoneticPr fontId="4"/>
  </si>
  <si>
    <t>職員数(人)</t>
    <rPh sb="0" eb="3">
      <t>ショクインスウ</t>
    </rPh>
    <rPh sb="4" eb="5">
      <t>ニン</t>
    </rPh>
    <phoneticPr fontId="4"/>
  </si>
  <si>
    <t>年延医師数</t>
    <rPh sb="0" eb="1">
      <t>ネン</t>
    </rPh>
    <rPh sb="1" eb="2">
      <t>ノベ</t>
    </rPh>
    <rPh sb="2" eb="5">
      <t>イシスウ</t>
    </rPh>
    <phoneticPr fontId="4"/>
  </si>
  <si>
    <t>年延看護部門職員数</t>
    <rPh sb="0" eb="1">
      <t>ネン</t>
    </rPh>
    <rPh sb="1" eb="2">
      <t>ノベ</t>
    </rPh>
    <rPh sb="2" eb="4">
      <t>カンゴ</t>
    </rPh>
    <rPh sb="4" eb="6">
      <t>ブモン</t>
    </rPh>
    <rPh sb="6" eb="9">
      <t>ショクインスウ</t>
    </rPh>
    <phoneticPr fontId="4"/>
  </si>
  <si>
    <t>年度末検査技師数</t>
    <rPh sb="0" eb="3">
      <t>ネンドマツ</t>
    </rPh>
    <rPh sb="3" eb="5">
      <t>ケンサ</t>
    </rPh>
    <rPh sb="5" eb="7">
      <t>ギシ</t>
    </rPh>
    <rPh sb="7" eb="8">
      <t>スウ</t>
    </rPh>
    <phoneticPr fontId="4"/>
  </si>
  <si>
    <t>年度末放射線技師数</t>
    <rPh sb="0" eb="3">
      <t>ネンドマツ</t>
    </rPh>
    <rPh sb="3" eb="6">
      <t>ホウシャセン</t>
    </rPh>
    <rPh sb="6" eb="8">
      <t>ギシ</t>
    </rPh>
    <rPh sb="8" eb="9">
      <t>スウ</t>
    </rPh>
    <phoneticPr fontId="4"/>
  </si>
  <si>
    <t>年度末職員数（人）</t>
    <rPh sb="0" eb="3">
      <t>ネンドマツ</t>
    </rPh>
    <rPh sb="3" eb="6">
      <t>ショクインスウ</t>
    </rPh>
    <rPh sb="7" eb="8">
      <t>ニン</t>
    </rPh>
    <phoneticPr fontId="4"/>
  </si>
  <si>
    <t>医師数</t>
    <rPh sb="0" eb="3">
      <t>イシスウ</t>
    </rPh>
    <phoneticPr fontId="4"/>
  </si>
  <si>
    <t>看護
部門</t>
    <rPh sb="0" eb="2">
      <t>カンゴ</t>
    </rPh>
    <rPh sb="3" eb="5">
      <t>ブモン</t>
    </rPh>
    <phoneticPr fontId="4"/>
  </si>
  <si>
    <t>看護師数</t>
    <rPh sb="0" eb="2">
      <t>カンゴ</t>
    </rPh>
    <rPh sb="2" eb="3">
      <t>シ</t>
    </rPh>
    <rPh sb="3" eb="4">
      <t>スウ</t>
    </rPh>
    <phoneticPr fontId="4"/>
  </si>
  <si>
    <t>准看護師数</t>
    <rPh sb="0" eb="1">
      <t>ジュン</t>
    </rPh>
    <rPh sb="1" eb="3">
      <t>カンゴ</t>
    </rPh>
    <rPh sb="3" eb="4">
      <t>シ</t>
    </rPh>
    <rPh sb="4" eb="5">
      <t>スウ</t>
    </rPh>
    <phoneticPr fontId="4"/>
  </si>
  <si>
    <t>看護助手数</t>
    <rPh sb="0" eb="2">
      <t>カンゴ</t>
    </rPh>
    <rPh sb="2" eb="4">
      <t>ジョシュ</t>
    </rPh>
    <rPh sb="4" eb="5">
      <t>スウ</t>
    </rPh>
    <phoneticPr fontId="4"/>
  </si>
  <si>
    <t>薬剤部門職員数</t>
    <rPh sb="0" eb="2">
      <t>ヤクザイ</t>
    </rPh>
    <rPh sb="2" eb="4">
      <t>ブモン</t>
    </rPh>
    <rPh sb="4" eb="7">
      <t>ショクインスウ</t>
    </rPh>
    <phoneticPr fontId="4"/>
  </si>
  <si>
    <t>事務部門職員数</t>
    <rPh sb="0" eb="2">
      <t>ジム</t>
    </rPh>
    <rPh sb="2" eb="4">
      <t>ブモン</t>
    </rPh>
    <rPh sb="4" eb="7">
      <t>ショクインスウ</t>
    </rPh>
    <phoneticPr fontId="4"/>
  </si>
  <si>
    <t>給食部門職員数</t>
    <rPh sb="0" eb="2">
      <t>キュウショク</t>
    </rPh>
    <rPh sb="2" eb="4">
      <t>ブモン</t>
    </rPh>
    <rPh sb="4" eb="7">
      <t>ショクインスウ</t>
    </rPh>
    <phoneticPr fontId="4"/>
  </si>
  <si>
    <t>放射線部門職員数</t>
    <rPh sb="0" eb="3">
      <t>ホウシャセン</t>
    </rPh>
    <rPh sb="3" eb="5">
      <t>ブモン</t>
    </rPh>
    <rPh sb="5" eb="8">
      <t>ショクインスウ</t>
    </rPh>
    <phoneticPr fontId="4"/>
  </si>
  <si>
    <t>臨床検査技師部門職員数</t>
    <rPh sb="0" eb="2">
      <t>リンショウ</t>
    </rPh>
    <rPh sb="2" eb="4">
      <t>ケンサ</t>
    </rPh>
    <rPh sb="4" eb="6">
      <t>ギシ</t>
    </rPh>
    <rPh sb="6" eb="8">
      <t>ブモン</t>
    </rPh>
    <rPh sb="8" eb="11">
      <t>ショクインスウ</t>
    </rPh>
    <phoneticPr fontId="4"/>
  </si>
  <si>
    <t>その他職員数</t>
    <rPh sb="2" eb="3">
      <t>タ</t>
    </rPh>
    <rPh sb="3" eb="6">
      <t>ショクインスウ</t>
    </rPh>
    <phoneticPr fontId="4"/>
  </si>
  <si>
    <t>総収益</t>
    <rPh sb="0" eb="3">
      <t>ソウシュウエキ</t>
    </rPh>
    <phoneticPr fontId="4"/>
  </si>
  <si>
    <t>病床数</t>
    <rPh sb="0" eb="2">
      <t>ビョウショウ</t>
    </rPh>
    <rPh sb="2" eb="3">
      <t>スウ</t>
    </rPh>
    <phoneticPr fontId="4"/>
  </si>
  <si>
    <t>一般</t>
    <rPh sb="0" eb="2">
      <t>イッパン</t>
    </rPh>
    <phoneticPr fontId="4"/>
  </si>
  <si>
    <t>療養</t>
    <rPh sb="0" eb="2">
      <t>リョウヨウ</t>
    </rPh>
    <phoneticPr fontId="4"/>
  </si>
  <si>
    <t>結核</t>
    <rPh sb="0" eb="2">
      <t>ケッカク</t>
    </rPh>
    <phoneticPr fontId="4"/>
  </si>
  <si>
    <t>指定
病院
の状況</t>
    <rPh sb="0" eb="2">
      <t>シテイ</t>
    </rPh>
    <rPh sb="3" eb="5">
      <t>ビョウイン</t>
    </rPh>
    <rPh sb="7" eb="9">
      <t>ジョウキョウ</t>
    </rPh>
    <phoneticPr fontId="4"/>
  </si>
  <si>
    <t>救急告示病院</t>
    <rPh sb="0" eb="2">
      <t>キュウキュウ</t>
    </rPh>
    <rPh sb="2" eb="4">
      <t>コクジ</t>
    </rPh>
    <rPh sb="4" eb="6">
      <t>ビョウイン</t>
    </rPh>
    <phoneticPr fontId="4"/>
  </si>
  <si>
    <t>臨床研修病院</t>
    <rPh sb="0" eb="2">
      <t>リンショウ</t>
    </rPh>
    <rPh sb="2" eb="4">
      <t>ケンシュウ</t>
    </rPh>
    <rPh sb="4" eb="6">
      <t>ビョウイン</t>
    </rPh>
    <phoneticPr fontId="4"/>
  </si>
  <si>
    <t>災害拠点病院</t>
    <rPh sb="0" eb="2">
      <t>サイガイ</t>
    </rPh>
    <rPh sb="2" eb="4">
      <t>キョテン</t>
    </rPh>
    <rPh sb="4" eb="6">
      <t>ビョウイン</t>
    </rPh>
    <phoneticPr fontId="4"/>
  </si>
  <si>
    <t>病院群輪番制病院</t>
    <rPh sb="0" eb="2">
      <t>ビョウイン</t>
    </rPh>
    <rPh sb="2" eb="3">
      <t>グン</t>
    </rPh>
    <rPh sb="3" eb="6">
      <t>リンバンセイ</t>
    </rPh>
    <rPh sb="6" eb="8">
      <t>ビョウイン</t>
    </rPh>
    <phoneticPr fontId="4"/>
  </si>
  <si>
    <t>看護部門</t>
    <rPh sb="0" eb="2">
      <t>カンゴ</t>
    </rPh>
    <rPh sb="2" eb="4">
      <t>ブモン</t>
    </rPh>
    <phoneticPr fontId="4"/>
  </si>
  <si>
    <t>薬剤部門</t>
    <rPh sb="0" eb="2">
      <t>ヤクザイ</t>
    </rPh>
    <rPh sb="2" eb="4">
      <t>ブモン</t>
    </rPh>
    <phoneticPr fontId="4"/>
  </si>
  <si>
    <t>事務部門</t>
    <rPh sb="0" eb="2">
      <t>ジム</t>
    </rPh>
    <rPh sb="2" eb="4">
      <t>ブモン</t>
    </rPh>
    <phoneticPr fontId="4"/>
  </si>
  <si>
    <t>給食部門</t>
    <rPh sb="0" eb="2">
      <t>キュウショク</t>
    </rPh>
    <rPh sb="2" eb="4">
      <t>ブモン</t>
    </rPh>
    <phoneticPr fontId="4"/>
  </si>
  <si>
    <t>放射線部門</t>
    <rPh sb="0" eb="3">
      <t>ホウシャセン</t>
    </rPh>
    <rPh sb="3" eb="5">
      <t>ブモン</t>
    </rPh>
    <phoneticPr fontId="4"/>
  </si>
  <si>
    <t>総収支比率(%)</t>
    <rPh sb="1" eb="3">
      <t>シュウシ</t>
    </rPh>
    <rPh sb="3" eb="5">
      <t>ヒリツ</t>
    </rPh>
    <phoneticPr fontId="8"/>
  </si>
  <si>
    <t>経常収支比率(%)</t>
    <rPh sb="0" eb="2">
      <t>ケイジョウ</t>
    </rPh>
    <rPh sb="2" eb="4">
      <t>シュウシ</t>
    </rPh>
    <rPh sb="4" eb="6">
      <t>ヒリツ</t>
    </rPh>
    <phoneticPr fontId="4"/>
  </si>
  <si>
    <t>医業収支比率(%)</t>
    <rPh sb="0" eb="2">
      <t>イギョウ</t>
    </rPh>
    <rPh sb="2" eb="4">
      <t>シュウシ</t>
    </rPh>
    <rPh sb="4" eb="5">
      <t>ヒ</t>
    </rPh>
    <rPh sb="5" eb="6">
      <t>リツ</t>
    </rPh>
    <phoneticPr fontId="4"/>
  </si>
  <si>
    <t>累積欠損金比率(%)</t>
    <rPh sb="0" eb="2">
      <t>ルイセキ</t>
    </rPh>
    <rPh sb="2" eb="5">
      <t>ケッソンキン</t>
    </rPh>
    <rPh sb="5" eb="7">
      <t>ヒリツ</t>
    </rPh>
    <phoneticPr fontId="4"/>
  </si>
  <si>
    <t>病床利用率(%)</t>
    <rPh sb="0" eb="2">
      <t>ビョウショウ</t>
    </rPh>
    <rPh sb="2" eb="5">
      <t>リヨウリツ</t>
    </rPh>
    <phoneticPr fontId="4"/>
  </si>
  <si>
    <t>感染</t>
    <rPh sb="0" eb="2">
      <t>カンセン</t>
    </rPh>
    <phoneticPr fontId="4"/>
  </si>
  <si>
    <t>患者数</t>
    <rPh sb="0" eb="3">
      <t>カンジャスウ</t>
    </rPh>
    <phoneticPr fontId="4"/>
  </si>
  <si>
    <t>1日平均入院患者数（人）</t>
    <rPh sb="1" eb="2">
      <t>ニチ</t>
    </rPh>
    <rPh sb="2" eb="4">
      <t>ヘイキン</t>
    </rPh>
    <rPh sb="4" eb="6">
      <t>ニュウイン</t>
    </rPh>
    <rPh sb="6" eb="9">
      <t>カンジャスウ</t>
    </rPh>
    <rPh sb="10" eb="11">
      <t>ニン</t>
    </rPh>
    <phoneticPr fontId="4"/>
  </si>
  <si>
    <t>1日平均外来患者数（人）</t>
    <rPh sb="1" eb="2">
      <t>ニチ</t>
    </rPh>
    <rPh sb="2" eb="4">
      <t>ヘイキン</t>
    </rPh>
    <rPh sb="4" eb="6">
      <t>ガイライ</t>
    </rPh>
    <rPh sb="6" eb="9">
      <t>カンジャスウ</t>
    </rPh>
    <rPh sb="10" eb="11">
      <t>ニン</t>
    </rPh>
    <phoneticPr fontId="4"/>
  </si>
  <si>
    <t>外来入院患者比率（%）</t>
    <rPh sb="0" eb="2">
      <t>ガイライ</t>
    </rPh>
    <rPh sb="2" eb="4">
      <t>ニュウイン</t>
    </rPh>
    <rPh sb="4" eb="6">
      <t>カンジャ</t>
    </rPh>
    <rPh sb="6" eb="8">
      <t>ヒリツ</t>
    </rPh>
    <phoneticPr fontId="4"/>
  </si>
  <si>
    <t>医師1人1日当たり入院患者数（人）</t>
    <rPh sb="0" eb="2">
      <t>イシ</t>
    </rPh>
    <rPh sb="3" eb="4">
      <t>ニン</t>
    </rPh>
    <rPh sb="5" eb="6">
      <t>ニチ</t>
    </rPh>
    <rPh sb="6" eb="7">
      <t>ア</t>
    </rPh>
    <rPh sb="9" eb="11">
      <t>ニュウイン</t>
    </rPh>
    <rPh sb="11" eb="14">
      <t>カンジャスウ</t>
    </rPh>
    <rPh sb="15" eb="16">
      <t>ニン</t>
    </rPh>
    <phoneticPr fontId="4"/>
  </si>
  <si>
    <t>医師1人1日当たり外来患者数（人）</t>
    <rPh sb="0" eb="2">
      <t>イシ</t>
    </rPh>
    <rPh sb="3" eb="4">
      <t>ニン</t>
    </rPh>
    <rPh sb="5" eb="6">
      <t>ニチ</t>
    </rPh>
    <rPh sb="6" eb="7">
      <t>ア</t>
    </rPh>
    <rPh sb="9" eb="11">
      <t>ガイライ</t>
    </rPh>
    <rPh sb="11" eb="14">
      <t>カンジャスウ</t>
    </rPh>
    <rPh sb="15" eb="16">
      <t>ニン</t>
    </rPh>
    <phoneticPr fontId="4"/>
  </si>
  <si>
    <t>看護部門職員1人1日当たり入院患者数（人）</t>
    <rPh sb="0" eb="2">
      <t>カンゴ</t>
    </rPh>
    <rPh sb="2" eb="4">
      <t>ブモン</t>
    </rPh>
    <rPh sb="4" eb="6">
      <t>ショクイン</t>
    </rPh>
    <rPh sb="7" eb="8">
      <t>ニン</t>
    </rPh>
    <rPh sb="9" eb="10">
      <t>ニチ</t>
    </rPh>
    <rPh sb="10" eb="11">
      <t>ア</t>
    </rPh>
    <rPh sb="13" eb="15">
      <t>ニュウイン</t>
    </rPh>
    <rPh sb="15" eb="18">
      <t>カンジャスウ</t>
    </rPh>
    <rPh sb="19" eb="20">
      <t>ニン</t>
    </rPh>
    <phoneticPr fontId="4"/>
  </si>
  <si>
    <t>看護部門職員1人1日当たり外来患者数（人）</t>
    <rPh sb="0" eb="2">
      <t>カンゴ</t>
    </rPh>
    <rPh sb="2" eb="4">
      <t>ブモン</t>
    </rPh>
    <rPh sb="4" eb="6">
      <t>ショクイン</t>
    </rPh>
    <rPh sb="7" eb="8">
      <t>ニン</t>
    </rPh>
    <rPh sb="9" eb="10">
      <t>ニチ</t>
    </rPh>
    <rPh sb="10" eb="11">
      <t>ア</t>
    </rPh>
    <rPh sb="13" eb="15">
      <t>ガイライ</t>
    </rPh>
    <rPh sb="15" eb="18">
      <t>カンジャスウ</t>
    </rPh>
    <rPh sb="19" eb="20">
      <t>ニン</t>
    </rPh>
    <phoneticPr fontId="4"/>
  </si>
  <si>
    <t>入院患者1人1日当たり診療収入（円）</t>
    <rPh sb="0" eb="2">
      <t>ニュウイン</t>
    </rPh>
    <rPh sb="2" eb="4">
      <t>カンジャ</t>
    </rPh>
    <rPh sb="5" eb="6">
      <t>ニン</t>
    </rPh>
    <rPh sb="7" eb="8">
      <t>ニチ</t>
    </rPh>
    <rPh sb="8" eb="9">
      <t>ア</t>
    </rPh>
    <rPh sb="11" eb="13">
      <t>シンリョウ</t>
    </rPh>
    <rPh sb="13" eb="15">
      <t>シュウニュウ</t>
    </rPh>
    <rPh sb="16" eb="17">
      <t>エン</t>
    </rPh>
    <phoneticPr fontId="4"/>
  </si>
  <si>
    <t>外来患者1人1日当たり診療収入（円）</t>
    <rPh sb="0" eb="2">
      <t>ガイライ</t>
    </rPh>
    <rPh sb="2" eb="4">
      <t>カンジャ</t>
    </rPh>
    <rPh sb="5" eb="6">
      <t>ニン</t>
    </rPh>
    <rPh sb="7" eb="8">
      <t>ニチ</t>
    </rPh>
    <rPh sb="8" eb="9">
      <t>ア</t>
    </rPh>
    <rPh sb="11" eb="13">
      <t>シンリョウ</t>
    </rPh>
    <rPh sb="13" eb="15">
      <t>シュウニュウ</t>
    </rPh>
    <rPh sb="16" eb="17">
      <t>エン</t>
    </rPh>
    <phoneticPr fontId="4"/>
  </si>
  <si>
    <t>患者1人1日当たり職員給与費（円）</t>
    <rPh sb="0" eb="2">
      <t>カンジャ</t>
    </rPh>
    <rPh sb="3" eb="4">
      <t>ニン</t>
    </rPh>
    <rPh sb="5" eb="6">
      <t>ニチ</t>
    </rPh>
    <rPh sb="6" eb="7">
      <t>ア</t>
    </rPh>
    <rPh sb="9" eb="11">
      <t>ショクイン</t>
    </rPh>
    <rPh sb="11" eb="13">
      <t>キュウヨ</t>
    </rPh>
    <rPh sb="13" eb="14">
      <t>ヒ</t>
    </rPh>
    <rPh sb="15" eb="16">
      <t>エン</t>
    </rPh>
    <phoneticPr fontId="4"/>
  </si>
  <si>
    <t>患者1人1日当たり減価償却費（円）</t>
    <rPh sb="0" eb="2">
      <t>カンジャ</t>
    </rPh>
    <rPh sb="3" eb="4">
      <t>ニン</t>
    </rPh>
    <rPh sb="5" eb="6">
      <t>ニチ</t>
    </rPh>
    <rPh sb="6" eb="7">
      <t>ア</t>
    </rPh>
    <rPh sb="9" eb="11">
      <t>ゲンカ</t>
    </rPh>
    <rPh sb="11" eb="13">
      <t>ショウキャク</t>
    </rPh>
    <rPh sb="13" eb="14">
      <t>ヒ</t>
    </rPh>
    <rPh sb="15" eb="16">
      <t>エン</t>
    </rPh>
    <phoneticPr fontId="4"/>
  </si>
  <si>
    <t>患者1人1日当たり薬品費（円）</t>
    <rPh sb="0" eb="2">
      <t>カンジャ</t>
    </rPh>
    <rPh sb="3" eb="4">
      <t>ニン</t>
    </rPh>
    <rPh sb="5" eb="6">
      <t>ニチ</t>
    </rPh>
    <rPh sb="6" eb="7">
      <t>ア</t>
    </rPh>
    <rPh sb="9" eb="11">
      <t>ヤクヒン</t>
    </rPh>
    <rPh sb="11" eb="12">
      <t>ヒ</t>
    </rPh>
    <rPh sb="13" eb="14">
      <t>エン</t>
    </rPh>
    <phoneticPr fontId="4"/>
  </si>
  <si>
    <t>職員給与費対医業収益（%）</t>
    <rPh sb="0" eb="2">
      <t>ショクイン</t>
    </rPh>
    <rPh sb="2" eb="4">
      <t>キュウヨ</t>
    </rPh>
    <rPh sb="4" eb="5">
      <t>ヒ</t>
    </rPh>
    <phoneticPr fontId="4"/>
  </si>
  <si>
    <t>病床100床当たり
職員数（人）</t>
    <rPh sb="0" eb="2">
      <t>ビョウショウ</t>
    </rPh>
    <rPh sb="5" eb="6">
      <t>ユカ</t>
    </rPh>
    <rPh sb="6" eb="7">
      <t>ア</t>
    </rPh>
    <rPh sb="10" eb="13">
      <t>ショクインスウ</t>
    </rPh>
    <rPh sb="14" eb="15">
      <t>ニン</t>
    </rPh>
    <phoneticPr fontId="4"/>
  </si>
  <si>
    <t>臨床検査技師部門</t>
    <rPh sb="0" eb="2">
      <t>リンショウ</t>
    </rPh>
    <rPh sb="2" eb="4">
      <t>ケンサ</t>
    </rPh>
    <rPh sb="4" eb="6">
      <t>ギシ</t>
    </rPh>
    <rPh sb="6" eb="8">
      <t>ブモン</t>
    </rPh>
    <phoneticPr fontId="4"/>
  </si>
  <si>
    <t>　　　　　　　　　　　　団体名
　区分</t>
  </si>
  <si>
    <t>　　　　　　　　　　　団体名
　区分</t>
  </si>
  <si>
    <t>計 (a)</t>
    <rPh sb="0" eb="1">
      <t>ケイ</t>
    </rPh>
    <phoneticPr fontId="4"/>
  </si>
  <si>
    <t>支出の財源充当額 (b)</t>
    <rPh sb="0" eb="2">
      <t>シシュツ</t>
    </rPh>
    <rPh sb="3" eb="5">
      <t>ザイゲン</t>
    </rPh>
    <rPh sb="5" eb="7">
      <t>ジュウトウ</t>
    </rPh>
    <rPh sb="7" eb="8">
      <t>ガク</t>
    </rPh>
    <phoneticPr fontId="4"/>
  </si>
  <si>
    <t>純計 (a)-{(b)+(c)} (d)</t>
    <rPh sb="0" eb="2">
      <t>ジュンケイ</t>
    </rPh>
    <phoneticPr fontId="4"/>
  </si>
  <si>
    <t>差引
(d)-(e)</t>
    <rPh sb="0" eb="2">
      <t>サシヒキ</t>
    </rPh>
    <phoneticPr fontId="4"/>
  </si>
  <si>
    <t>計 (g)</t>
    <rPh sb="0" eb="1">
      <t>ケイ</t>
    </rPh>
    <phoneticPr fontId="4"/>
  </si>
  <si>
    <t>救急救命センター病床数（床）</t>
    <rPh sb="0" eb="2">
      <t>キュウキュウ</t>
    </rPh>
    <rPh sb="2" eb="4">
      <t>キュウメイ</t>
    </rPh>
    <rPh sb="8" eb="11">
      <t>ビョウショウスウ</t>
    </rPh>
    <rPh sb="12" eb="13">
      <t>ユカ</t>
    </rPh>
    <phoneticPr fontId="3"/>
  </si>
  <si>
    <t>収入</t>
    <rPh sb="0" eb="2">
      <t>シュウニュウ</t>
    </rPh>
    <phoneticPr fontId="3"/>
  </si>
  <si>
    <t>費用</t>
    <rPh sb="0" eb="2">
      <t>ヒヨウ</t>
    </rPh>
    <phoneticPr fontId="3"/>
  </si>
  <si>
    <t>長期前受金</t>
    <rPh sb="0" eb="2">
      <t>チョウキ</t>
    </rPh>
    <rPh sb="2" eb="4">
      <t>マエウケ</t>
    </rPh>
    <rPh sb="4" eb="5">
      <t>キン</t>
    </rPh>
    <phoneticPr fontId="4"/>
  </si>
  <si>
    <t>施設</t>
    <rPh sb="0" eb="2">
      <t>シセツ</t>
    </rPh>
    <phoneticPr fontId="3"/>
  </si>
  <si>
    <t>企業債取扱諸費</t>
    <rPh sb="0" eb="2">
      <t>キギョウ</t>
    </rPh>
    <rPh sb="2" eb="3">
      <t>サイ</t>
    </rPh>
    <rPh sb="3" eb="5">
      <t>トリアツカイ</t>
    </rPh>
    <rPh sb="5" eb="6">
      <t>ショ</t>
    </rPh>
    <rPh sb="6" eb="7">
      <t>ヒ</t>
    </rPh>
    <phoneticPr fontId="4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4"/>
  </si>
  <si>
    <t>業務活動によるキャッシュ・フロー</t>
    <rPh sb="0" eb="2">
      <t>ギョウム</t>
    </rPh>
    <rPh sb="2" eb="4">
      <t>カツドウ</t>
    </rPh>
    <phoneticPr fontId="4"/>
  </si>
  <si>
    <t>投資活動によるキャッシュ・フロー</t>
    <rPh sb="0" eb="2">
      <t>トウシ</t>
    </rPh>
    <rPh sb="2" eb="4">
      <t>カツドウ</t>
    </rPh>
    <phoneticPr fontId="4"/>
  </si>
  <si>
    <t>財務活動によるキャッシュ・フロー</t>
    <rPh sb="0" eb="2">
      <t>ザイム</t>
    </rPh>
    <rPh sb="2" eb="4">
      <t>カツドウ</t>
    </rPh>
    <phoneticPr fontId="4"/>
  </si>
  <si>
    <t>未収金・未収収益</t>
    <rPh sb="0" eb="3">
      <t>ミシュウキン</t>
    </rPh>
    <rPh sb="4" eb="6">
      <t>ミシュウ</t>
    </rPh>
    <rPh sb="6" eb="8">
      <t>シュウエキ</t>
    </rPh>
    <phoneticPr fontId="7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4"/>
  </si>
  <si>
    <t>前受金・前受収益</t>
    <rPh sb="0" eb="3">
      <t>マエウケキン</t>
    </rPh>
    <rPh sb="4" eb="6">
      <t>マエウケ</t>
    </rPh>
    <rPh sb="6" eb="8">
      <t>シュウエキ</t>
    </rPh>
    <phoneticPr fontId="4"/>
  </si>
  <si>
    <t>財政融資資金</t>
    <rPh sb="0" eb="2">
      <t>ザイセイ</t>
    </rPh>
    <rPh sb="2" eb="4">
      <t>ユウシ</t>
    </rPh>
    <rPh sb="4" eb="6">
      <t>シキン</t>
    </rPh>
    <phoneticPr fontId="4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4"/>
  </si>
  <si>
    <t>前年度同意等債で今年度収入分 (c)</t>
    <rPh sb="0" eb="3">
      <t>ゼンネンド</t>
    </rPh>
    <rPh sb="3" eb="5">
      <t>ドウイ</t>
    </rPh>
    <rPh sb="5" eb="6">
      <t>トウ</t>
    </rPh>
    <rPh sb="6" eb="7">
      <t>サイ</t>
    </rPh>
    <rPh sb="8" eb="11">
      <t>コンネンド</t>
    </rPh>
    <rPh sb="11" eb="13">
      <t>シュウニュウ</t>
    </rPh>
    <rPh sb="13" eb="14">
      <t>ブン</t>
    </rPh>
    <phoneticPr fontId="4"/>
  </si>
  <si>
    <t>小鹿野</t>
    <rPh sb="0" eb="3">
      <t>オガノ</t>
    </rPh>
    <phoneticPr fontId="4"/>
  </si>
  <si>
    <t>東松山市</t>
    <phoneticPr fontId="4"/>
  </si>
  <si>
    <t>流動比率(%)</t>
    <rPh sb="0" eb="2">
      <t>リュウドウ</t>
    </rPh>
    <rPh sb="2" eb="4">
      <t>ヒリツ</t>
    </rPh>
    <phoneticPr fontId="4"/>
  </si>
  <si>
    <t>企業債残高対料金収益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リョウキン</t>
    </rPh>
    <rPh sb="8" eb="10">
      <t>シュウエキ</t>
    </rPh>
    <rPh sb="10" eb="12">
      <t>ヒリツ</t>
    </rPh>
    <phoneticPr fontId="4"/>
  </si>
  <si>
    <t>経営の
健全性
効率性
・
老朽化
の状況</t>
    <rPh sb="0" eb="2">
      <t>ケイエイ</t>
    </rPh>
    <rPh sb="4" eb="7">
      <t>ケンゼンセイ</t>
    </rPh>
    <rPh sb="8" eb="11">
      <t>コウリツセイ</t>
    </rPh>
    <rPh sb="14" eb="17">
      <t>ロウキュウカ</t>
    </rPh>
    <rPh sb="19" eb="21">
      <t>ジョウキョウ</t>
    </rPh>
    <phoneticPr fontId="3"/>
  </si>
  <si>
    <t>有形固定資産減価償却率(%)</t>
    <rPh sb="0" eb="2">
      <t>ユウケイ</t>
    </rPh>
    <rPh sb="2" eb="4">
      <t>コテイ</t>
    </rPh>
    <rPh sb="4" eb="6">
      <t>シサン</t>
    </rPh>
    <rPh sb="6" eb="8">
      <t>ゲンカ</t>
    </rPh>
    <rPh sb="8" eb="10">
      <t>ショウキャク</t>
    </rPh>
    <rPh sb="10" eb="11">
      <t>リツ</t>
    </rPh>
    <phoneticPr fontId="4"/>
  </si>
  <si>
    <t>　　　　　　　　　　　　　　　団体名
　区分</t>
    <phoneticPr fontId="4"/>
  </si>
  <si>
    <t>経常損失 　 　〃　</t>
    <rPh sb="0" eb="2">
      <t>ケイジョウ</t>
    </rPh>
    <rPh sb="2" eb="4">
      <t>ソンシツ</t>
    </rPh>
    <phoneticPr fontId="4"/>
  </si>
  <si>
    <t>純損失  〃　</t>
    <rPh sb="0" eb="1">
      <t>ジュン</t>
    </rPh>
    <rPh sb="1" eb="3">
      <t>ソンシツ</t>
    </rPh>
    <phoneticPr fontId="4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4"/>
  </si>
  <si>
    <t>減価償却累計額</t>
    <phoneticPr fontId="3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4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4"/>
  </si>
  <si>
    <t>当年度未処理欠損金</t>
    <phoneticPr fontId="3"/>
  </si>
  <si>
    <t>当年度純損失</t>
    <phoneticPr fontId="4"/>
  </si>
  <si>
    <t>経常損失</t>
    <phoneticPr fontId="4"/>
  </si>
  <si>
    <t>不足額(f)</t>
    <rPh sb="0" eb="2">
      <t>フソク</t>
    </rPh>
    <rPh sb="2" eb="3">
      <t>ガク</t>
    </rPh>
    <phoneticPr fontId="4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4"/>
  </si>
  <si>
    <t>救急車の受入件数</t>
    <rPh sb="0" eb="3">
      <t>キュウキュウシャ</t>
    </rPh>
    <rPh sb="4" eb="8">
      <t>ウケイレケンスウ</t>
    </rPh>
    <phoneticPr fontId="4"/>
  </si>
  <si>
    <t>S28.11.14</t>
  </si>
  <si>
    <t>S26.04.01</t>
  </si>
  <si>
    <t>S41.07.01</t>
  </si>
  <si>
    <t>S49.04.01</t>
  </si>
  <si>
    <t>S42.02.01</t>
  </si>
  <si>
    <t>S33.02.01</t>
  </si>
  <si>
    <t>S36.02.01</t>
  </si>
  <si>
    <t>S48.01.01</t>
  </si>
  <si>
    <t>S27.08.15</t>
  </si>
  <si>
    <t>S28.05.01</t>
  </si>
  <si>
    <t>S39.04.01</t>
  </si>
  <si>
    <t>S42.04.01</t>
  </si>
  <si>
    <t>S36.04.01</t>
  </si>
  <si>
    <t>S38.01.01</t>
  </si>
  <si>
    <t>S41.04.01</t>
  </si>
  <si>
    <t>当然財務</t>
  </si>
  <si>
    <t>条例全部</t>
  </si>
  <si>
    <t>無</t>
  </si>
  <si>
    <t>有</t>
  </si>
  <si>
    <t>○</t>
  </si>
  <si>
    <t>総収益 a</t>
    <rPh sb="0" eb="3">
      <t>ソウシュウエキ</t>
    </rPh>
    <phoneticPr fontId="4"/>
  </si>
  <si>
    <t xml:space="preserve">医業収益 b </t>
    <rPh sb="0" eb="2">
      <t>イギョウ</t>
    </rPh>
    <rPh sb="2" eb="4">
      <t>シュウエキ</t>
    </rPh>
    <phoneticPr fontId="4"/>
  </si>
  <si>
    <t>医業外収益 c</t>
    <rPh sb="0" eb="2">
      <t>イギョウ</t>
    </rPh>
    <rPh sb="2" eb="3">
      <t>ガイ</t>
    </rPh>
    <rPh sb="3" eb="5">
      <t>シュウエキ</t>
    </rPh>
    <phoneticPr fontId="4"/>
  </si>
  <si>
    <t>医業費用 e</t>
    <rPh sb="0" eb="2">
      <t>イギョウ</t>
    </rPh>
    <rPh sb="2" eb="4">
      <t>ヒヨウ</t>
    </rPh>
    <phoneticPr fontId="4"/>
  </si>
  <si>
    <t xml:space="preserve">減価償却費 </t>
    <rPh sb="0" eb="2">
      <t>ゲンカ</t>
    </rPh>
    <rPh sb="2" eb="4">
      <t>ショウキャク</t>
    </rPh>
    <rPh sb="4" eb="5">
      <t>ヒ</t>
    </rPh>
    <phoneticPr fontId="4"/>
  </si>
  <si>
    <t>医業外費用 f</t>
    <rPh sb="0" eb="2">
      <t>イギョウ</t>
    </rPh>
    <rPh sb="2" eb="3">
      <t>ガイ</t>
    </rPh>
    <rPh sb="3" eb="5">
      <t>ヒヨウ</t>
    </rPh>
    <phoneticPr fontId="4"/>
  </si>
  <si>
    <t>企業債償還金</t>
    <rPh sb="0" eb="2">
      <t>キギョウ</t>
    </rPh>
    <rPh sb="2" eb="3">
      <t>サイ</t>
    </rPh>
    <rPh sb="3" eb="6">
      <t>ショウカンキン</t>
    </rPh>
    <phoneticPr fontId="4"/>
  </si>
  <si>
    <t>計 (e)</t>
    <rPh sb="0" eb="1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176" formatCode="#,##0_ ;&quot;△ &quot;#,##0_ "/>
    <numFmt numFmtId="177" formatCode="#,##0_ ;[Red]\-#,##0\ "/>
    <numFmt numFmtId="178" formatCode="#,##0.0_ ;&quot;△ &quot;#,##0.0_ "/>
    <numFmt numFmtId="179" formatCode="#,##0;&quot;▲ &quot;#,##0"/>
    <numFmt numFmtId="180" formatCode="#,##0_ ;&quot;▲ &quot;#,##0_ "/>
    <numFmt numFmtId="181" formatCode="0.0_ "/>
    <numFmt numFmtId="182" formatCode="&quot;▲&quot;#,##0_ ;#,##0_ "/>
    <numFmt numFmtId="183" formatCode="#,##0_ "/>
  </numFmts>
  <fonts count="12" x14ac:knownFonts="1">
    <font>
      <sz val="11"/>
      <color theme="1"/>
      <name val="ＭＳ Ｐゴシック"/>
      <family val="2"/>
      <charset val="128"/>
    </font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6"/>
      <name val="ＭＳ ゴシック"/>
      <family val="3"/>
      <charset val="128"/>
    </font>
    <font>
      <sz val="12"/>
      <name val="ＭＳ ゴシック"/>
      <family val="3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7"/>
      <name val="ＭＳ Ｐ明朝"/>
      <family val="1"/>
      <charset val="128"/>
    </font>
    <font>
      <sz val="7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7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9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" fillId="0" borderId="0">
      <alignment vertical="center"/>
    </xf>
  </cellStyleXfs>
  <cellXfs count="257">
    <xf numFmtId="0" fontId="0" fillId="0" borderId="0" xfId="0">
      <alignment vertical="center"/>
    </xf>
    <xf numFmtId="0" fontId="9" fillId="0" borderId="2" xfId="0" applyFont="1" applyBorder="1" applyAlignment="1">
      <alignment vertical="center" wrapText="1"/>
    </xf>
    <xf numFmtId="0" fontId="9" fillId="2" borderId="1" xfId="0" applyFont="1" applyFill="1" applyBorder="1" applyAlignment="1">
      <alignment horizontal="center" vertical="center"/>
    </xf>
    <xf numFmtId="0" fontId="9" fillId="0" borderId="24" xfId="0" applyFont="1" applyBorder="1">
      <alignment vertical="center"/>
    </xf>
    <xf numFmtId="0" fontId="9" fillId="0" borderId="0" xfId="0" applyFont="1">
      <alignment vertical="center"/>
    </xf>
    <xf numFmtId="0" fontId="9" fillId="2" borderId="32" xfId="0" applyFont="1" applyFill="1" applyBorder="1" applyAlignment="1">
      <alignment horizontal="center" vertical="center"/>
    </xf>
    <xf numFmtId="0" fontId="9" fillId="0" borderId="41" xfId="0" applyFont="1" applyBorder="1">
      <alignment vertical="center"/>
    </xf>
    <xf numFmtId="0" fontId="9" fillId="0" borderId="13" xfId="0" applyFont="1" applyBorder="1">
      <alignment vertical="center"/>
    </xf>
    <xf numFmtId="0" fontId="9" fillId="0" borderId="40" xfId="0" applyFont="1" applyBorder="1">
      <alignment vertical="center"/>
    </xf>
    <xf numFmtId="0" fontId="9" fillId="0" borderId="46" xfId="0" applyFont="1" applyBorder="1">
      <alignment vertical="center"/>
    </xf>
    <xf numFmtId="176" fontId="9" fillId="0" borderId="0" xfId="1" applyNumberFormat="1" applyFont="1" applyBorder="1" applyAlignment="1">
      <alignment vertical="center"/>
    </xf>
    <xf numFmtId="0" fontId="9" fillId="0" borderId="34" xfId="0" applyFont="1" applyBorder="1">
      <alignment vertical="center"/>
    </xf>
    <xf numFmtId="0" fontId="9" fillId="0" borderId="23" xfId="0" applyFont="1" applyBorder="1">
      <alignment vertical="center"/>
    </xf>
    <xf numFmtId="0" fontId="9" fillId="0" borderId="45" xfId="0" applyFont="1" applyBorder="1">
      <alignment vertical="center"/>
    </xf>
    <xf numFmtId="0" fontId="9" fillId="0" borderId="64" xfId="0" applyFont="1" applyBorder="1">
      <alignment vertical="center"/>
    </xf>
    <xf numFmtId="0" fontId="9" fillId="0" borderId="61" xfId="0" applyFont="1" applyBorder="1" applyAlignment="1">
      <alignment vertical="center" wrapText="1"/>
    </xf>
    <xf numFmtId="0" fontId="9" fillId="0" borderId="59" xfId="0" applyFont="1" applyBorder="1">
      <alignment vertical="center"/>
    </xf>
    <xf numFmtId="0" fontId="9" fillId="0" borderId="12" xfId="0" applyFont="1" applyBorder="1">
      <alignment vertical="center"/>
    </xf>
    <xf numFmtId="0" fontId="9" fillId="0" borderId="60" xfId="0" applyFont="1" applyBorder="1">
      <alignment vertical="center"/>
    </xf>
    <xf numFmtId="0" fontId="9" fillId="0" borderId="67" xfId="0" applyFont="1" applyBorder="1">
      <alignment vertical="center"/>
    </xf>
    <xf numFmtId="0" fontId="9" fillId="0" borderId="56" xfId="0" applyFont="1" applyBorder="1">
      <alignment vertical="center"/>
    </xf>
    <xf numFmtId="38" fontId="9" fillId="0" borderId="37" xfId="1" applyFont="1" applyFill="1" applyBorder="1" applyAlignment="1">
      <alignment horizontal="center" vertical="center"/>
    </xf>
    <xf numFmtId="38" fontId="9" fillId="0" borderId="70" xfId="1" applyFont="1" applyFill="1" applyBorder="1" applyAlignment="1">
      <alignment horizontal="center" vertical="center"/>
    </xf>
    <xf numFmtId="0" fontId="9" fillId="0" borderId="71" xfId="0" applyFont="1" applyBorder="1" applyAlignment="1">
      <alignment horizontal="center" vertical="center"/>
    </xf>
    <xf numFmtId="38" fontId="9" fillId="0" borderId="44" xfId="1" applyFont="1" applyFill="1" applyBorder="1" applyAlignment="1">
      <alignment horizontal="center" vertical="center"/>
    </xf>
    <xf numFmtId="38" fontId="9" fillId="0" borderId="72" xfId="1" applyFont="1" applyFill="1" applyBorder="1" applyAlignment="1">
      <alignment horizontal="center" vertical="center"/>
    </xf>
    <xf numFmtId="0" fontId="9" fillId="0" borderId="73" xfId="0" applyFont="1" applyBorder="1" applyAlignment="1">
      <alignment horizontal="center" vertical="center"/>
    </xf>
    <xf numFmtId="176" fontId="9" fillId="0" borderId="37" xfId="1" applyNumberFormat="1" applyFont="1" applyFill="1" applyBorder="1" applyAlignment="1">
      <alignment horizontal="center" vertical="center"/>
    </xf>
    <xf numFmtId="176" fontId="9" fillId="0" borderId="70" xfId="1" applyNumberFormat="1" applyFont="1" applyFill="1" applyBorder="1" applyAlignment="1">
      <alignment horizontal="center" vertical="center"/>
    </xf>
    <xf numFmtId="176" fontId="9" fillId="0" borderId="44" xfId="1" applyNumberFormat="1" applyFont="1" applyFill="1" applyBorder="1" applyAlignment="1">
      <alignment horizontal="center" vertical="center"/>
    </xf>
    <xf numFmtId="176" fontId="9" fillId="0" borderId="72" xfId="1" applyNumberFormat="1" applyFont="1" applyFill="1" applyBorder="1" applyAlignment="1">
      <alignment horizontal="center" vertical="center"/>
    </xf>
    <xf numFmtId="0" fontId="9" fillId="0" borderId="37" xfId="0" applyFont="1" applyBorder="1" applyAlignment="1">
      <alignment horizontal="center" vertical="center"/>
    </xf>
    <xf numFmtId="0" fontId="9" fillId="0" borderId="70" xfId="0" applyFont="1" applyBorder="1" applyAlignment="1">
      <alignment horizontal="center" vertical="center"/>
    </xf>
    <xf numFmtId="38" fontId="9" fillId="0" borderId="44" xfId="2" applyFont="1" applyFill="1" applyBorder="1" applyAlignment="1">
      <alignment horizontal="center" vertical="center"/>
    </xf>
    <xf numFmtId="38" fontId="9" fillId="0" borderId="72" xfId="2" applyFont="1" applyFill="1" applyBorder="1" applyAlignment="1">
      <alignment horizontal="center" vertical="center"/>
    </xf>
    <xf numFmtId="0" fontId="9" fillId="2" borderId="3" xfId="0" applyFont="1" applyFill="1" applyBorder="1" applyAlignment="1">
      <alignment horizontal="center" vertical="center"/>
    </xf>
    <xf numFmtId="0" fontId="9" fillId="0" borderId="40" xfId="0" applyFont="1" applyBorder="1" applyAlignment="1">
      <alignment vertical="center" wrapText="1"/>
    </xf>
    <xf numFmtId="0" fontId="9" fillId="0" borderId="13" xfId="0" applyFont="1" applyBorder="1" applyAlignment="1">
      <alignment vertical="center" wrapText="1"/>
    </xf>
    <xf numFmtId="0" fontId="9" fillId="0" borderId="25" xfId="0" applyFont="1" applyBorder="1" applyAlignment="1">
      <alignment vertical="center" wrapText="1"/>
    </xf>
    <xf numFmtId="183" fontId="9" fillId="0" borderId="0" xfId="0" applyNumberFormat="1" applyFont="1">
      <alignment vertical="center"/>
    </xf>
    <xf numFmtId="0" fontId="9" fillId="0" borderId="23" xfId="0" applyFont="1" applyBorder="1" applyAlignment="1">
      <alignment horizontal="left" vertical="center"/>
    </xf>
    <xf numFmtId="0" fontId="9" fillId="0" borderId="24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34" xfId="0" applyFont="1" applyBorder="1" applyAlignment="1">
      <alignment horizontal="left" vertical="center"/>
    </xf>
    <xf numFmtId="176" fontId="9" fillId="0" borderId="63" xfId="1" applyNumberFormat="1" applyFont="1" applyFill="1" applyBorder="1" applyAlignment="1">
      <alignment horizontal="center" vertical="center"/>
    </xf>
    <xf numFmtId="176" fontId="9" fillId="0" borderId="64" xfId="1" applyNumberFormat="1" applyFont="1" applyFill="1" applyBorder="1" applyAlignment="1">
      <alignment horizontal="center" vertical="center"/>
    </xf>
    <xf numFmtId="0" fontId="9" fillId="0" borderId="8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10" xfId="0" applyFont="1" applyBorder="1" applyAlignment="1">
      <alignment horizontal="left" vertical="center"/>
    </xf>
    <xf numFmtId="0" fontId="9" fillId="0" borderId="0" xfId="0" applyFont="1" applyAlignment="1">
      <alignment horizontal="left" vertical="center"/>
    </xf>
    <xf numFmtId="176" fontId="9" fillId="0" borderId="47" xfId="1" applyNumberFormat="1" applyFont="1" applyFill="1" applyBorder="1" applyAlignment="1">
      <alignment horizontal="center" vertical="center"/>
    </xf>
    <xf numFmtId="176" fontId="9" fillId="0" borderId="23" xfId="1" applyNumberFormat="1" applyFont="1" applyFill="1" applyBorder="1" applyAlignment="1">
      <alignment horizontal="center" vertical="center"/>
    </xf>
    <xf numFmtId="177" fontId="9" fillId="0" borderId="47" xfId="1" applyNumberFormat="1" applyFont="1" applyFill="1" applyBorder="1" applyAlignment="1">
      <alignment horizontal="center" vertical="center"/>
    </xf>
    <xf numFmtId="177" fontId="9" fillId="0" borderId="23" xfId="1" applyNumberFormat="1" applyFont="1" applyFill="1" applyBorder="1" applyAlignment="1">
      <alignment horizontal="center" vertical="center"/>
    </xf>
    <xf numFmtId="176" fontId="9" fillId="0" borderId="47" xfId="1" applyNumberFormat="1" applyFont="1" applyFill="1" applyBorder="1" applyAlignment="1">
      <alignment horizontal="right" vertical="center"/>
    </xf>
    <xf numFmtId="176" fontId="9" fillId="0" borderId="23" xfId="1" applyNumberFormat="1" applyFont="1" applyFill="1" applyBorder="1" applyAlignment="1">
      <alignment horizontal="right" vertical="center"/>
    </xf>
    <xf numFmtId="0" fontId="9" fillId="0" borderId="12" xfId="0" applyFont="1" applyBorder="1" applyAlignment="1">
      <alignment horizontal="left" vertical="center"/>
    </xf>
    <xf numFmtId="0" fontId="9" fillId="0" borderId="18" xfId="0" applyFont="1" applyBorder="1">
      <alignment vertical="center"/>
    </xf>
    <xf numFmtId="0" fontId="9" fillId="0" borderId="17" xfId="0" applyFont="1" applyBorder="1" applyAlignment="1">
      <alignment vertical="center" wrapText="1"/>
    </xf>
    <xf numFmtId="0" fontId="9" fillId="0" borderId="18" xfId="0" applyFont="1" applyBorder="1" applyAlignment="1">
      <alignment vertical="center" wrapText="1"/>
    </xf>
    <xf numFmtId="0" fontId="9" fillId="0" borderId="10" xfId="0" applyFont="1" applyBorder="1">
      <alignment vertical="center"/>
    </xf>
    <xf numFmtId="0" fontId="9" fillId="0" borderId="27" xfId="0" applyFont="1" applyBorder="1">
      <alignment vertical="center"/>
    </xf>
    <xf numFmtId="0" fontId="9" fillId="0" borderId="35" xfId="0" applyFont="1" applyBorder="1">
      <alignment vertical="center"/>
    </xf>
    <xf numFmtId="0" fontId="9" fillId="0" borderId="42" xfId="0" applyFont="1" applyBorder="1" applyAlignment="1">
      <alignment horizontal="left" vertical="center"/>
    </xf>
    <xf numFmtId="0" fontId="9" fillId="0" borderId="20" xfId="0" applyFont="1" applyBorder="1" applyAlignment="1">
      <alignment horizontal="left" vertical="center"/>
    </xf>
    <xf numFmtId="0" fontId="9" fillId="0" borderId="32" xfId="0" applyFont="1" applyBorder="1" applyAlignment="1">
      <alignment horizontal="left" vertical="center"/>
    </xf>
    <xf numFmtId="0" fontId="9" fillId="0" borderId="57" xfId="0" applyFont="1" applyBorder="1" applyAlignment="1">
      <alignment horizontal="left" vertical="center"/>
    </xf>
    <xf numFmtId="176" fontId="9" fillId="0" borderId="47" xfId="2" applyNumberFormat="1" applyFont="1" applyFill="1" applyBorder="1" applyAlignment="1">
      <alignment horizontal="right" vertical="center"/>
    </xf>
    <xf numFmtId="176" fontId="9" fillId="0" borderId="23" xfId="2" applyNumberFormat="1" applyFont="1" applyFill="1" applyBorder="1" applyAlignment="1">
      <alignment horizontal="right" vertical="center"/>
    </xf>
    <xf numFmtId="178" fontId="9" fillId="0" borderId="47" xfId="2" applyNumberFormat="1" applyFont="1" applyFill="1" applyBorder="1" applyAlignment="1">
      <alignment horizontal="right" vertical="center"/>
    </xf>
    <xf numFmtId="178" fontId="9" fillId="0" borderId="23" xfId="2" applyNumberFormat="1" applyFont="1" applyFill="1" applyBorder="1" applyAlignment="1">
      <alignment horizontal="right" vertical="center"/>
    </xf>
    <xf numFmtId="0" fontId="9" fillId="0" borderId="32" xfId="0" applyFont="1" applyBorder="1">
      <alignment vertical="center"/>
    </xf>
    <xf numFmtId="0" fontId="9" fillId="0" borderId="57" xfId="0" applyFont="1" applyBorder="1">
      <alignment vertical="center"/>
    </xf>
    <xf numFmtId="0" fontId="9" fillId="0" borderId="25" xfId="0" applyFont="1" applyBorder="1">
      <alignment vertical="center"/>
    </xf>
    <xf numFmtId="0" fontId="9" fillId="0" borderId="59" xfId="0" applyFont="1" applyBorder="1" applyAlignment="1">
      <alignment horizontal="left" vertical="center"/>
    </xf>
    <xf numFmtId="0" fontId="9" fillId="0" borderId="31" xfId="0" applyFont="1" applyBorder="1">
      <alignment vertical="center"/>
    </xf>
    <xf numFmtId="0" fontId="9" fillId="0" borderId="32" xfId="0" applyFont="1" applyBorder="1" applyAlignment="1">
      <alignment horizontal="center" vertical="center"/>
    </xf>
    <xf numFmtId="0" fontId="9" fillId="0" borderId="57" xfId="0" applyFont="1" applyBorder="1" applyAlignment="1">
      <alignment horizontal="center" vertical="center"/>
    </xf>
    <xf numFmtId="178" fontId="9" fillId="0" borderId="7" xfId="2" applyNumberFormat="1" applyFont="1" applyFill="1" applyBorder="1" applyAlignment="1">
      <alignment horizontal="right" vertical="center"/>
    </xf>
    <xf numFmtId="0" fontId="9" fillId="0" borderId="20" xfId="0" applyFont="1" applyBorder="1">
      <alignment vertical="center"/>
    </xf>
    <xf numFmtId="0" fontId="9" fillId="0" borderId="43" xfId="0" applyFont="1" applyBorder="1">
      <alignment vertical="center"/>
    </xf>
    <xf numFmtId="178" fontId="9" fillId="0" borderId="66" xfId="2" applyNumberFormat="1" applyFont="1" applyFill="1" applyBorder="1" applyAlignment="1">
      <alignment horizontal="right" vertical="center"/>
    </xf>
    <xf numFmtId="178" fontId="9" fillId="0" borderId="45" xfId="2" applyNumberFormat="1" applyFont="1" applyFill="1" applyBorder="1" applyAlignment="1">
      <alignment horizontal="right" vertical="center"/>
    </xf>
    <xf numFmtId="179" fontId="9" fillId="0" borderId="65" xfId="0" applyNumberFormat="1" applyFont="1" applyBorder="1" applyAlignment="1">
      <alignment vertical="center" shrinkToFit="1"/>
    </xf>
    <xf numFmtId="179" fontId="9" fillId="0" borderId="24" xfId="0" applyNumberFormat="1" applyFont="1" applyBorder="1" applyAlignment="1">
      <alignment vertical="center" shrinkToFit="1"/>
    </xf>
    <xf numFmtId="180" fontId="9" fillId="0" borderId="24" xfId="0" applyNumberFormat="1" applyFont="1" applyBorder="1" applyAlignment="1">
      <alignment vertical="center" shrinkToFit="1"/>
    </xf>
    <xf numFmtId="176" fontId="9" fillId="0" borderId="24" xfId="2" applyNumberFormat="1" applyFont="1" applyFill="1" applyBorder="1" applyAlignment="1">
      <alignment horizontal="right" vertical="center"/>
    </xf>
    <xf numFmtId="178" fontId="9" fillId="0" borderId="24" xfId="2" applyNumberFormat="1" applyFont="1" applyFill="1" applyBorder="1" applyAlignment="1">
      <alignment horizontal="right" vertical="center"/>
    </xf>
    <xf numFmtId="180" fontId="9" fillId="0" borderId="24" xfId="0" applyNumberFormat="1" applyFont="1" applyBorder="1">
      <alignment vertical="center"/>
    </xf>
    <xf numFmtId="178" fontId="9" fillId="0" borderId="46" xfId="2" applyNumberFormat="1" applyFont="1" applyFill="1" applyBorder="1" applyAlignment="1">
      <alignment horizontal="right" vertical="center"/>
    </xf>
    <xf numFmtId="180" fontId="9" fillId="0" borderId="63" xfId="1" applyNumberFormat="1" applyFont="1" applyFill="1" applyBorder="1" applyAlignment="1">
      <alignment horizontal="right" vertical="center"/>
    </xf>
    <xf numFmtId="180" fontId="9" fillId="0" borderId="64" xfId="1" applyNumberFormat="1" applyFont="1" applyFill="1" applyBorder="1" applyAlignment="1">
      <alignment horizontal="right" vertical="center"/>
    </xf>
    <xf numFmtId="180" fontId="9" fillId="0" borderId="65" xfId="0" applyNumberFormat="1" applyFont="1" applyBorder="1">
      <alignment vertical="center"/>
    </xf>
    <xf numFmtId="0" fontId="9" fillId="0" borderId="27" xfId="0" applyFont="1" applyBorder="1" applyAlignment="1">
      <alignment horizontal="left" vertical="center"/>
    </xf>
    <xf numFmtId="180" fontId="9" fillId="0" borderId="47" xfId="1" applyNumberFormat="1" applyFont="1" applyFill="1" applyBorder="1" applyAlignment="1">
      <alignment horizontal="right" vertical="center"/>
    </xf>
    <xf numFmtId="180" fontId="9" fillId="0" borderId="23" xfId="1" applyNumberFormat="1" applyFont="1" applyFill="1" applyBorder="1" applyAlignment="1">
      <alignment horizontal="right" vertical="center"/>
    </xf>
    <xf numFmtId="0" fontId="9" fillId="0" borderId="17" xfId="0" applyFont="1" applyBorder="1">
      <alignment vertical="center"/>
    </xf>
    <xf numFmtId="0" fontId="9" fillId="0" borderId="3" xfId="0" applyFont="1" applyBorder="1">
      <alignment vertical="center"/>
    </xf>
    <xf numFmtId="0" fontId="9" fillId="0" borderId="58" xfId="0" applyFont="1" applyBorder="1">
      <alignment vertical="center"/>
    </xf>
    <xf numFmtId="180" fontId="9" fillId="0" borderId="0" xfId="0" applyNumberFormat="1" applyFont="1">
      <alignment vertical="center"/>
    </xf>
    <xf numFmtId="0" fontId="9" fillId="0" borderId="2" xfId="0" applyFont="1" applyBorder="1">
      <alignment vertical="center"/>
    </xf>
    <xf numFmtId="0" fontId="9" fillId="0" borderId="3" xfId="0" applyFont="1" applyBorder="1" applyAlignment="1">
      <alignment horizontal="left" vertical="center"/>
    </xf>
    <xf numFmtId="0" fontId="9" fillId="0" borderId="58" xfId="0" applyFont="1" applyBorder="1" applyAlignment="1">
      <alignment horizontal="left" vertical="center"/>
    </xf>
    <xf numFmtId="182" fontId="9" fillId="0" borderId="47" xfId="1" applyNumberFormat="1" applyFont="1" applyFill="1" applyBorder="1" applyAlignment="1">
      <alignment horizontal="right" vertical="center"/>
    </xf>
    <xf numFmtId="182" fontId="9" fillId="0" borderId="23" xfId="1" applyNumberFormat="1" applyFont="1" applyFill="1" applyBorder="1" applyAlignment="1">
      <alignment horizontal="right" vertical="center"/>
    </xf>
    <xf numFmtId="182" fontId="9" fillId="0" borderId="24" xfId="0" applyNumberFormat="1" applyFont="1" applyBorder="1">
      <alignment vertical="center"/>
    </xf>
    <xf numFmtId="0" fontId="9" fillId="0" borderId="54" xfId="0" applyFont="1" applyBorder="1">
      <alignment vertical="center"/>
    </xf>
    <xf numFmtId="0" fontId="9" fillId="0" borderId="55" xfId="0" applyFont="1" applyBorder="1">
      <alignment vertical="center"/>
    </xf>
    <xf numFmtId="180" fontId="9" fillId="0" borderId="66" xfId="1" applyNumberFormat="1" applyFont="1" applyFill="1" applyBorder="1" applyAlignment="1">
      <alignment horizontal="right" vertical="center"/>
    </xf>
    <xf numFmtId="180" fontId="9" fillId="0" borderId="45" xfId="1" applyNumberFormat="1" applyFont="1" applyFill="1" applyBorder="1" applyAlignment="1">
      <alignment horizontal="right" vertical="center"/>
    </xf>
    <xf numFmtId="180" fontId="9" fillId="0" borderId="46" xfId="0" applyNumberFormat="1" applyFont="1" applyBorder="1">
      <alignment vertical="center"/>
    </xf>
    <xf numFmtId="0" fontId="9" fillId="0" borderId="43" xfId="0" applyFont="1" applyBorder="1" applyAlignment="1">
      <alignment horizontal="left" vertical="center"/>
    </xf>
    <xf numFmtId="0" fontId="9" fillId="0" borderId="1" xfId="0" applyFont="1" applyBorder="1" applyAlignment="1">
      <alignment horizontal="center" vertical="center"/>
    </xf>
    <xf numFmtId="0" fontId="9" fillId="0" borderId="44" xfId="0" applyFont="1" applyBorder="1" applyAlignment="1">
      <alignment horizontal="center" vertical="center"/>
    </xf>
    <xf numFmtId="0" fontId="9" fillId="0" borderId="72" xfId="0" applyFont="1" applyBorder="1" applyAlignment="1">
      <alignment horizontal="center" vertical="center"/>
    </xf>
    <xf numFmtId="180" fontId="9" fillId="0" borderId="63" xfId="2" applyNumberFormat="1" applyFont="1" applyFill="1" applyBorder="1" applyAlignment="1">
      <alignment horizontal="right" vertical="center"/>
    </xf>
    <xf numFmtId="180" fontId="9" fillId="0" borderId="64" xfId="2" applyNumberFormat="1" applyFont="1" applyFill="1" applyBorder="1" applyAlignment="1">
      <alignment horizontal="right" vertical="center"/>
    </xf>
    <xf numFmtId="180" fontId="9" fillId="0" borderId="47" xfId="2" applyNumberFormat="1" applyFont="1" applyFill="1" applyBorder="1" applyAlignment="1">
      <alignment horizontal="right" vertical="center"/>
    </xf>
    <xf numFmtId="180" fontId="9" fillId="0" borderId="23" xfId="2" applyNumberFormat="1" applyFont="1" applyFill="1" applyBorder="1" applyAlignment="1">
      <alignment horizontal="right" vertical="center"/>
    </xf>
    <xf numFmtId="182" fontId="9" fillId="0" borderId="47" xfId="2" applyNumberFormat="1" applyFont="1" applyFill="1" applyBorder="1" applyAlignment="1">
      <alignment horizontal="right" vertical="center"/>
    </xf>
    <xf numFmtId="182" fontId="9" fillId="0" borderId="23" xfId="2" applyNumberFormat="1" applyFont="1" applyFill="1" applyBorder="1" applyAlignment="1">
      <alignment horizontal="right" vertical="center"/>
    </xf>
    <xf numFmtId="0" fontId="9" fillId="0" borderId="17" xfId="0" applyFont="1" applyBorder="1" applyAlignment="1">
      <alignment horizontal="left" vertical="center"/>
    </xf>
    <xf numFmtId="0" fontId="9" fillId="0" borderId="30" xfId="0" applyFont="1" applyBorder="1" applyAlignment="1">
      <alignment horizontal="left" vertical="center"/>
    </xf>
    <xf numFmtId="0" fontId="9" fillId="0" borderId="68" xfId="0" applyFont="1" applyBorder="1">
      <alignment vertical="center"/>
    </xf>
    <xf numFmtId="0" fontId="9" fillId="0" borderId="30" xfId="0" applyFont="1" applyBorder="1">
      <alignment vertical="center"/>
    </xf>
    <xf numFmtId="0" fontId="9" fillId="0" borderId="41" xfId="0" applyFont="1" applyBorder="1" applyAlignment="1">
      <alignment horizontal="center" vertical="center" textRotation="255"/>
    </xf>
    <xf numFmtId="182" fontId="9" fillId="0" borderId="66" xfId="2" applyNumberFormat="1" applyFont="1" applyFill="1" applyBorder="1" applyAlignment="1">
      <alignment horizontal="right" vertical="center"/>
    </xf>
    <xf numFmtId="182" fontId="9" fillId="0" borderId="46" xfId="0" applyNumberFormat="1" applyFont="1" applyBorder="1">
      <alignment vertical="center"/>
    </xf>
    <xf numFmtId="0" fontId="9" fillId="0" borderId="3" xfId="0" applyFont="1" applyBorder="1" applyAlignment="1">
      <alignment horizontal="center" vertical="center"/>
    </xf>
    <xf numFmtId="0" fontId="9" fillId="0" borderId="61" xfId="0" applyFont="1" applyBorder="1" applyAlignment="1">
      <alignment horizontal="center" vertical="center"/>
    </xf>
    <xf numFmtId="0" fontId="9" fillId="0" borderId="64" xfId="0" applyFont="1" applyBorder="1" applyAlignment="1">
      <alignment horizontal="center" vertical="center"/>
    </xf>
    <xf numFmtId="176" fontId="9" fillId="0" borderId="64" xfId="2" applyNumberFormat="1" applyFont="1" applyFill="1" applyBorder="1" applyAlignment="1">
      <alignment horizontal="right" vertical="center"/>
    </xf>
    <xf numFmtId="179" fontId="9" fillId="0" borderId="65" xfId="0" applyNumberFormat="1" applyFont="1" applyBorder="1">
      <alignment vertical="center"/>
    </xf>
    <xf numFmtId="0" fontId="9" fillId="0" borderId="40" xfId="0" applyFont="1" applyBorder="1" applyAlignment="1">
      <alignment horizontal="center" vertical="center" textRotation="255"/>
    </xf>
    <xf numFmtId="179" fontId="9" fillId="0" borderId="24" xfId="0" applyNumberFormat="1" applyFont="1" applyBorder="1">
      <alignment vertical="center"/>
    </xf>
    <xf numFmtId="0" fontId="9" fillId="0" borderId="40" xfId="0" applyFont="1" applyBorder="1" applyAlignment="1">
      <alignment horizontal="left" vertical="center"/>
    </xf>
    <xf numFmtId="0" fontId="9" fillId="0" borderId="14" xfId="0" applyFont="1" applyBorder="1">
      <alignment vertical="center"/>
    </xf>
    <xf numFmtId="0" fontId="9" fillId="0" borderId="15" xfId="0" applyFont="1" applyBorder="1">
      <alignment vertical="center"/>
    </xf>
    <xf numFmtId="0" fontId="9" fillId="0" borderId="16" xfId="0" applyFont="1" applyBorder="1">
      <alignment vertical="center"/>
    </xf>
    <xf numFmtId="176" fontId="9" fillId="0" borderId="39" xfId="2" applyNumberFormat="1" applyFont="1" applyFill="1" applyBorder="1" applyAlignment="1">
      <alignment horizontal="right" vertical="center"/>
    </xf>
    <xf numFmtId="179" fontId="9" fillId="0" borderId="68" xfId="0" applyNumberFormat="1" applyFont="1" applyBorder="1">
      <alignment vertical="center"/>
    </xf>
    <xf numFmtId="0" fontId="9" fillId="0" borderId="42" xfId="0" applyFont="1" applyBorder="1">
      <alignment vertical="center"/>
    </xf>
    <xf numFmtId="176" fontId="9" fillId="0" borderId="41" xfId="2" applyNumberFormat="1" applyFont="1" applyFill="1" applyBorder="1" applyAlignment="1">
      <alignment horizontal="right" vertical="center"/>
    </xf>
    <xf numFmtId="179" fontId="9" fillId="0" borderId="69" xfId="0" applyNumberFormat="1" applyFont="1" applyBorder="1">
      <alignment vertical="center"/>
    </xf>
    <xf numFmtId="0" fontId="9" fillId="0" borderId="59" xfId="0" applyFont="1" applyBorder="1" applyAlignment="1">
      <alignment horizontal="center" vertical="center"/>
    </xf>
    <xf numFmtId="0" fontId="9" fillId="0" borderId="23" xfId="0" applyFont="1" applyBorder="1" applyAlignment="1">
      <alignment horizontal="center" vertical="center"/>
    </xf>
    <xf numFmtId="176" fontId="9" fillId="0" borderId="45" xfId="2" applyNumberFormat="1" applyFont="1" applyFill="1" applyBorder="1" applyAlignment="1">
      <alignment horizontal="right" vertical="center"/>
    </xf>
    <xf numFmtId="179" fontId="9" fillId="0" borderId="46" xfId="0" applyNumberFormat="1" applyFont="1" applyBorder="1">
      <alignment vertical="center"/>
    </xf>
    <xf numFmtId="176" fontId="9" fillId="0" borderId="63" xfId="2" applyNumberFormat="1" applyFont="1" applyFill="1" applyBorder="1" applyAlignment="1">
      <alignment horizontal="right" vertical="center"/>
    </xf>
    <xf numFmtId="176" fontId="9" fillId="0" borderId="65" xfId="2" applyNumberFormat="1" applyFont="1" applyFill="1" applyBorder="1" applyAlignment="1">
      <alignment horizontal="right" vertical="center"/>
    </xf>
    <xf numFmtId="181" fontId="9" fillId="0" borderId="47" xfId="2" applyNumberFormat="1" applyFont="1" applyFill="1" applyBorder="1" applyAlignment="1">
      <alignment horizontal="right" vertical="center"/>
    </xf>
    <xf numFmtId="181" fontId="9" fillId="0" borderId="23" xfId="2" applyNumberFormat="1" applyFont="1" applyFill="1" applyBorder="1" applyAlignment="1">
      <alignment horizontal="right" vertical="center"/>
    </xf>
    <xf numFmtId="181" fontId="9" fillId="0" borderId="24" xfId="2" applyNumberFormat="1" applyFont="1" applyFill="1" applyBorder="1" applyAlignment="1">
      <alignment horizontal="right" vertical="center"/>
    </xf>
    <xf numFmtId="176" fontId="9" fillId="0" borderId="12" xfId="2" applyNumberFormat="1" applyFont="1" applyFill="1" applyBorder="1" applyAlignment="1">
      <alignment horizontal="right" vertical="center"/>
    </xf>
    <xf numFmtId="177" fontId="9" fillId="0" borderId="47" xfId="2" applyNumberFormat="1" applyFont="1" applyFill="1" applyBorder="1" applyAlignment="1">
      <alignment horizontal="center" vertical="center"/>
    </xf>
    <xf numFmtId="177" fontId="9" fillId="0" borderId="23" xfId="2" applyNumberFormat="1" applyFont="1" applyFill="1" applyBorder="1" applyAlignment="1">
      <alignment horizontal="center" vertical="center"/>
    </xf>
    <xf numFmtId="177" fontId="9" fillId="0" borderId="66" xfId="2" applyNumberFormat="1" applyFont="1" applyFill="1" applyBorder="1" applyAlignment="1">
      <alignment horizontal="center" vertical="center"/>
    </xf>
    <xf numFmtId="177" fontId="9" fillId="0" borderId="45" xfId="2" applyNumberFormat="1" applyFont="1" applyFill="1" applyBorder="1" applyAlignment="1">
      <alignment horizontal="center" vertical="center"/>
    </xf>
    <xf numFmtId="176" fontId="9" fillId="0" borderId="46" xfId="2" applyNumberFormat="1" applyFont="1" applyFill="1" applyBorder="1" applyAlignment="1">
      <alignment horizontal="right" vertical="center"/>
    </xf>
    <xf numFmtId="0" fontId="9" fillId="0" borderId="48" xfId="0" applyFont="1" applyBorder="1" applyAlignment="1">
      <alignment vertical="center" wrapText="1"/>
    </xf>
    <xf numFmtId="0" fontId="10" fillId="0" borderId="49" xfId="0" applyFont="1" applyBorder="1">
      <alignment vertical="center"/>
    </xf>
    <xf numFmtId="0" fontId="10" fillId="0" borderId="50" xfId="0" applyFont="1" applyBorder="1">
      <alignment vertical="center"/>
    </xf>
    <xf numFmtId="0" fontId="10" fillId="0" borderId="51" xfId="0" applyFont="1" applyBorder="1">
      <alignment vertical="center"/>
    </xf>
    <xf numFmtId="0" fontId="10" fillId="0" borderId="52" xfId="0" applyFont="1" applyBorder="1">
      <alignment vertical="center"/>
    </xf>
    <xf numFmtId="0" fontId="10" fillId="0" borderId="53" xfId="0" applyFont="1" applyBorder="1">
      <alignment vertical="center"/>
    </xf>
    <xf numFmtId="0" fontId="9" fillId="0" borderId="13" xfId="0" applyFont="1" applyBorder="1" applyAlignment="1">
      <alignment horizontal="center" vertical="center" textRotation="255"/>
    </xf>
    <xf numFmtId="0" fontId="9" fillId="0" borderId="14" xfId="0" applyFont="1" applyBorder="1" applyAlignment="1">
      <alignment horizontal="left" vertical="center" wrapText="1"/>
    </xf>
    <xf numFmtId="0" fontId="9" fillId="0" borderId="15" xfId="0" applyFont="1" applyBorder="1" applyAlignment="1">
      <alignment horizontal="left" vertical="center" wrapText="1"/>
    </xf>
    <xf numFmtId="0" fontId="9" fillId="0" borderId="16" xfId="0" applyFont="1" applyBorder="1" applyAlignment="1">
      <alignment horizontal="left" vertical="center" wrapText="1"/>
    </xf>
    <xf numFmtId="0" fontId="9" fillId="0" borderId="12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14" xfId="0" applyFont="1" applyBorder="1" applyAlignment="1">
      <alignment horizontal="center" vertical="center" wrapText="1"/>
    </xf>
    <xf numFmtId="0" fontId="9" fillId="0" borderId="15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17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22" xfId="0" applyFont="1" applyBorder="1" applyAlignment="1">
      <alignment horizontal="center" vertical="center" wrapText="1"/>
    </xf>
    <xf numFmtId="0" fontId="9" fillId="0" borderId="18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0" fontId="9" fillId="0" borderId="21" xfId="0" applyFont="1" applyBorder="1" applyAlignment="1">
      <alignment horizontal="center" vertical="center" wrapText="1"/>
    </xf>
    <xf numFmtId="0" fontId="9" fillId="0" borderId="12" xfId="0" applyFont="1" applyBorder="1" applyAlignment="1">
      <alignment horizontal="left" vertical="center" shrinkToFit="1"/>
    </xf>
    <xf numFmtId="0" fontId="9" fillId="0" borderId="8" xfId="0" applyFont="1" applyBorder="1" applyAlignment="1">
      <alignment horizontal="left" vertical="center" shrinkToFit="1"/>
    </xf>
    <xf numFmtId="0" fontId="9" fillId="0" borderId="9" xfId="0" applyFont="1" applyBorder="1" applyAlignment="1">
      <alignment horizontal="left" vertical="center" shrinkToFit="1"/>
    </xf>
    <xf numFmtId="0" fontId="9" fillId="0" borderId="11" xfId="0" applyFont="1" applyBorder="1" applyAlignment="1">
      <alignment horizontal="center" vertical="center" textRotation="255"/>
    </xf>
    <xf numFmtId="0" fontId="9" fillId="0" borderId="25" xfId="0" applyFont="1" applyBorder="1" applyAlignment="1">
      <alignment horizontal="center" vertical="center" textRotation="255"/>
    </xf>
    <xf numFmtId="0" fontId="9" fillId="0" borderId="4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9" fillId="0" borderId="23" xfId="0" applyFont="1" applyBorder="1" applyAlignment="1">
      <alignment horizontal="center" vertical="center" textRotation="255"/>
    </xf>
    <xf numFmtId="0" fontId="9" fillId="0" borderId="26" xfId="0" applyFont="1" applyBorder="1" applyAlignment="1">
      <alignment horizontal="left" vertical="center"/>
    </xf>
    <xf numFmtId="0" fontId="9" fillId="0" borderId="15" xfId="0" applyFont="1" applyBorder="1" applyAlignment="1">
      <alignment horizontal="left" vertical="center"/>
    </xf>
    <xf numFmtId="0" fontId="9" fillId="0" borderId="16" xfId="0" applyFont="1" applyBorder="1" applyAlignment="1">
      <alignment horizontal="left" vertical="center"/>
    </xf>
    <xf numFmtId="0" fontId="9" fillId="0" borderId="23" xfId="0" applyFont="1" applyBorder="1" applyAlignment="1">
      <alignment horizontal="left" vertical="center" shrinkToFit="1"/>
    </xf>
    <xf numFmtId="0" fontId="9" fillId="0" borderId="24" xfId="0" applyFont="1" applyBorder="1" applyAlignment="1">
      <alignment horizontal="left" vertical="center" shrinkToFit="1"/>
    </xf>
    <xf numFmtId="0" fontId="9" fillId="0" borderId="23" xfId="0" applyFont="1" applyBorder="1" applyAlignment="1">
      <alignment horizontal="left" vertical="center"/>
    </xf>
    <xf numFmtId="0" fontId="9" fillId="0" borderId="24" xfId="0" applyFont="1" applyBorder="1" applyAlignment="1">
      <alignment horizontal="left" vertical="center"/>
    </xf>
    <xf numFmtId="0" fontId="9" fillId="0" borderId="47" xfId="0" applyFont="1" applyBorder="1" applyAlignment="1">
      <alignment horizontal="center" vertical="center" textRotation="255"/>
    </xf>
    <xf numFmtId="0" fontId="9" fillId="0" borderId="59" xfId="0" applyFont="1" applyBorder="1" applyAlignment="1">
      <alignment horizontal="left" vertical="center"/>
    </xf>
    <xf numFmtId="0" fontId="9" fillId="0" borderId="26" xfId="0" applyFont="1" applyBorder="1" applyAlignment="1">
      <alignment horizontal="center" vertical="center" wrapText="1"/>
    </xf>
    <xf numFmtId="0" fontId="9" fillId="0" borderId="27" xfId="0" applyFont="1" applyBorder="1" applyAlignment="1">
      <alignment horizontal="center" vertical="center" wrapText="1"/>
    </xf>
    <xf numFmtId="0" fontId="9" fillId="0" borderId="54" xfId="0" applyFont="1" applyBorder="1" applyAlignment="1">
      <alignment horizontal="center" vertical="center" wrapText="1"/>
    </xf>
    <xf numFmtId="0" fontId="9" fillId="0" borderId="43" xfId="0" applyFont="1" applyBorder="1" applyAlignment="1">
      <alignment horizontal="center" vertical="center" wrapText="1"/>
    </xf>
    <xf numFmtId="0" fontId="9" fillId="0" borderId="62" xfId="0" applyFont="1" applyBorder="1" applyAlignment="1">
      <alignment horizontal="center" vertical="center" wrapText="1"/>
    </xf>
    <xf numFmtId="0" fontId="9" fillId="0" borderId="28" xfId="0" applyFont="1" applyBorder="1" applyAlignment="1">
      <alignment horizontal="left" vertical="center"/>
    </xf>
    <xf numFmtId="0" fontId="9" fillId="0" borderId="11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center"/>
    </xf>
    <xf numFmtId="0" fontId="9" fillId="0" borderId="34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14" xfId="0" applyFont="1" applyBorder="1" applyAlignment="1">
      <alignment horizontal="left" vertical="center"/>
    </xf>
    <xf numFmtId="0" fontId="9" fillId="0" borderId="12" xfId="0" quotePrefix="1" applyFont="1" applyBorder="1" applyAlignment="1">
      <alignment horizontal="left" vertical="center"/>
    </xf>
    <xf numFmtId="0" fontId="9" fillId="0" borderId="14" xfId="0" quotePrefix="1" applyFont="1" applyBorder="1" applyAlignment="1">
      <alignment horizontal="left" vertical="center"/>
    </xf>
    <xf numFmtId="0" fontId="9" fillId="0" borderId="56" xfId="0" quotePrefix="1" applyFont="1" applyBorder="1" applyAlignment="1">
      <alignment horizontal="left" vertical="center"/>
    </xf>
    <xf numFmtId="0" fontId="9" fillId="0" borderId="29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/>
    </xf>
    <xf numFmtId="0" fontId="9" fillId="0" borderId="20" xfId="0" applyFont="1" applyBorder="1" applyAlignment="1">
      <alignment horizontal="left" vertical="center"/>
    </xf>
    <xf numFmtId="0" fontId="9" fillId="0" borderId="42" xfId="0" applyFont="1" applyBorder="1" applyAlignment="1">
      <alignment horizontal="left" vertical="center"/>
    </xf>
    <xf numFmtId="0" fontId="9" fillId="0" borderId="36" xfId="0" applyFont="1" applyBorder="1" applyAlignment="1">
      <alignment horizontal="left" vertical="center"/>
    </xf>
    <xf numFmtId="0" fontId="9" fillId="0" borderId="60" xfId="0" applyFont="1" applyBorder="1" applyAlignment="1">
      <alignment horizontal="left" vertical="center"/>
    </xf>
    <xf numFmtId="0" fontId="9" fillId="0" borderId="43" xfId="0" applyFont="1" applyBorder="1" applyAlignment="1">
      <alignment horizontal="left" vertical="center"/>
    </xf>
    <xf numFmtId="0" fontId="9" fillId="0" borderId="62" xfId="0" applyFont="1" applyBorder="1" applyAlignment="1">
      <alignment horizontal="left" vertical="center"/>
    </xf>
    <xf numFmtId="0" fontId="9" fillId="0" borderId="61" xfId="0" applyFont="1" applyBorder="1" applyAlignment="1">
      <alignment horizontal="left" vertical="center"/>
    </xf>
    <xf numFmtId="0" fontId="9" fillId="0" borderId="37" xfId="0" applyFont="1" applyBorder="1" applyAlignment="1">
      <alignment horizontal="center" vertical="center" textRotation="255"/>
    </xf>
    <xf numFmtId="0" fontId="9" fillId="0" borderId="38" xfId="0" applyFont="1" applyBorder="1" applyAlignment="1">
      <alignment horizontal="left" vertical="center"/>
    </xf>
    <xf numFmtId="0" fontId="9" fillId="0" borderId="44" xfId="0" applyFont="1" applyBorder="1" applyAlignment="1">
      <alignment horizontal="center" vertical="center" textRotation="255"/>
    </xf>
    <xf numFmtId="0" fontId="9" fillId="0" borderId="39" xfId="0" applyFont="1" applyBorder="1" applyAlignment="1">
      <alignment horizontal="left" vertical="center"/>
    </xf>
    <xf numFmtId="0" fontId="9" fillId="0" borderId="19" xfId="0" applyFont="1" applyBorder="1" applyAlignment="1">
      <alignment horizontal="center" vertical="center" textRotation="255"/>
    </xf>
    <xf numFmtId="0" fontId="9" fillId="0" borderId="22" xfId="0" applyFont="1" applyBorder="1" applyAlignment="1">
      <alignment horizontal="center" vertical="center" textRotation="255"/>
    </xf>
    <xf numFmtId="0" fontId="9" fillId="0" borderId="62" xfId="0" applyFont="1" applyBorder="1" applyAlignment="1">
      <alignment horizontal="center" vertical="center" textRotation="255"/>
    </xf>
    <xf numFmtId="0" fontId="9" fillId="0" borderId="41" xfId="0" applyFont="1" applyBorder="1" applyAlignment="1">
      <alignment horizontal="center" vertical="center" textRotation="255"/>
    </xf>
    <xf numFmtId="0" fontId="9" fillId="0" borderId="45" xfId="0" applyFont="1" applyBorder="1" applyAlignment="1">
      <alignment horizontal="center" vertical="center" textRotation="255"/>
    </xf>
    <xf numFmtId="0" fontId="9" fillId="0" borderId="63" xfId="0" applyFont="1" applyBorder="1" applyAlignment="1">
      <alignment horizontal="center" vertical="center" textRotation="255"/>
    </xf>
    <xf numFmtId="0" fontId="9" fillId="0" borderId="70" xfId="0" applyFont="1" applyBorder="1" applyAlignment="1">
      <alignment horizontal="left" vertical="center"/>
    </xf>
    <xf numFmtId="0" fontId="9" fillId="0" borderId="64" xfId="0" applyFont="1" applyBorder="1" applyAlignment="1">
      <alignment horizontal="left" vertical="center"/>
    </xf>
    <xf numFmtId="0" fontId="9" fillId="0" borderId="65" xfId="0" applyFont="1" applyBorder="1" applyAlignment="1">
      <alignment horizontal="left" vertical="center"/>
    </xf>
    <xf numFmtId="0" fontId="9" fillId="0" borderId="47" xfId="0" applyFont="1" applyBorder="1" applyAlignment="1">
      <alignment horizontal="center" vertical="center" wrapText="1"/>
    </xf>
    <xf numFmtId="0" fontId="9" fillId="0" borderId="23" xfId="0" applyFont="1" applyBorder="1" applyAlignment="1">
      <alignment horizontal="center" vertical="center"/>
    </xf>
    <xf numFmtId="0" fontId="9" fillId="0" borderId="47" xfId="0" applyFont="1" applyBorder="1" applyAlignment="1">
      <alignment horizontal="center" vertical="center"/>
    </xf>
    <xf numFmtId="0" fontId="9" fillId="0" borderId="47" xfId="0" applyFont="1" applyBorder="1" applyAlignment="1">
      <alignment horizontal="left" vertical="center"/>
    </xf>
    <xf numFmtId="0" fontId="9" fillId="0" borderId="47" xfId="0" applyFont="1" applyBorder="1" applyAlignment="1">
      <alignment horizontal="left" vertical="center" shrinkToFit="1"/>
    </xf>
    <xf numFmtId="176" fontId="9" fillId="0" borderId="23" xfId="2" applyNumberFormat="1" applyFont="1" applyFill="1" applyBorder="1" applyAlignment="1">
      <alignment horizontal="right"/>
    </xf>
    <xf numFmtId="0" fontId="9" fillId="0" borderId="66" xfId="0" applyFont="1" applyBorder="1" applyAlignment="1">
      <alignment horizontal="left" vertical="center"/>
    </xf>
    <xf numFmtId="0" fontId="9" fillId="0" borderId="45" xfId="0" applyFont="1" applyBorder="1" applyAlignment="1">
      <alignment horizontal="left" vertical="center"/>
    </xf>
    <xf numFmtId="0" fontId="9" fillId="0" borderId="46" xfId="0" applyFont="1" applyBorder="1" applyAlignment="1">
      <alignment horizontal="left" vertical="center"/>
    </xf>
    <xf numFmtId="0" fontId="9" fillId="0" borderId="47" xfId="0" applyFont="1" applyBorder="1" applyAlignment="1">
      <alignment horizontal="center" vertical="center" textRotation="255" wrapText="1"/>
    </xf>
    <xf numFmtId="0" fontId="9" fillId="0" borderId="23" xfId="0" applyFont="1" applyBorder="1" applyAlignment="1">
      <alignment horizontal="center" vertical="center" textRotation="255" wrapText="1"/>
    </xf>
    <xf numFmtId="0" fontId="9" fillId="0" borderId="23" xfId="0" applyFont="1" applyBorder="1" applyAlignment="1">
      <alignment horizontal="left" vertical="center" wrapText="1"/>
    </xf>
    <xf numFmtId="0" fontId="9" fillId="0" borderId="24" xfId="0" applyFont="1" applyBorder="1" applyAlignment="1">
      <alignment horizontal="left" vertical="center" wrapText="1"/>
    </xf>
    <xf numFmtId="0" fontId="9" fillId="0" borderId="37" xfId="0" applyFont="1" applyBorder="1" applyAlignment="1">
      <alignment horizontal="left" vertical="center" wrapText="1"/>
    </xf>
    <xf numFmtId="0" fontId="9" fillId="0" borderId="64" xfId="0" applyFont="1" applyBorder="1" applyAlignment="1">
      <alignment horizontal="left" vertical="center" wrapText="1"/>
    </xf>
    <xf numFmtId="0" fontId="9" fillId="0" borderId="65" xfId="0" applyFont="1" applyBorder="1" applyAlignment="1">
      <alignment horizontal="left" vertical="center" wrapText="1"/>
    </xf>
    <xf numFmtId="0" fontId="9" fillId="0" borderId="23" xfId="0" applyFont="1" applyBorder="1">
      <alignment vertical="center"/>
    </xf>
    <xf numFmtId="0" fontId="9" fillId="0" borderId="47" xfId="0" applyFont="1" applyBorder="1">
      <alignment vertical="center"/>
    </xf>
    <xf numFmtId="0" fontId="9" fillId="0" borderId="66" xfId="0" applyFont="1" applyBorder="1">
      <alignment vertical="center"/>
    </xf>
    <xf numFmtId="0" fontId="9" fillId="0" borderId="45" xfId="0" applyFont="1" applyBorder="1">
      <alignment vertical="center"/>
    </xf>
    <xf numFmtId="0" fontId="9" fillId="0" borderId="23" xfId="0" applyFont="1" applyBorder="1" applyAlignment="1">
      <alignment horizontal="center" vertical="center" wrapText="1"/>
    </xf>
  </cellXfs>
  <cellStyles count="9">
    <cellStyle name="桁区切り" xfId="1" builtinId="6"/>
    <cellStyle name="桁区切り 2" xfId="2" xr:uid="{00000000-0005-0000-0000-000001000000}"/>
    <cellStyle name="桁区切り 2 2" xfId="5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 2 2" xfId="4" xr:uid="{00000000-0005-0000-0000-000006000000}"/>
    <cellStyle name="標準 3" xfId="7" xr:uid="{00000000-0005-0000-0000-000007000000}"/>
    <cellStyle name="標準 4" xfId="8" xr:uid="{00000000-0005-0000-0000-000008000000}"/>
  </cellStyles>
  <dxfs count="2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909239/Desktop/&#9733;&#12424;&#12367;&#20351;&#12358;&#12420;&#12388;/01.&#27770;&#31639;&#32113;&#35336;&#38306;&#20418;/&#9733;&#27770;&#31639;&#32113;&#35336;&#36942;&#21435;&#12487;&#12540;&#12479;/H24&#27770;&#31639;&#12487;&#12540;&#12479;/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V71"/>
  <sheetViews>
    <sheetView tabSelected="1" view="pageBreakPreview" zoomScaleNormal="130" zoomScaleSheetLayoutView="100" workbookViewId="0">
      <selection sqref="A1:H2"/>
    </sheetView>
  </sheetViews>
  <sheetFormatPr defaultColWidth="9.6328125" defaultRowHeight="10" customHeight="1" x14ac:dyDescent="0.2"/>
  <cols>
    <col min="1" max="1" width="1.6328125" style="4" customWidth="1"/>
    <col min="2" max="2" width="1.7265625" style="4" customWidth="1"/>
    <col min="3" max="7" width="1.6328125" style="4" customWidth="1"/>
    <col min="8" max="8" width="13.08984375" style="4" customWidth="1"/>
    <col min="9" max="10" width="0" style="4" hidden="1" customWidth="1"/>
    <col min="11" max="20" width="9.6328125" style="4"/>
    <col min="21" max="21" width="11.6328125" style="4" customWidth="1"/>
    <col min="22" max="16384" width="9.6328125" style="4"/>
  </cols>
  <sheetData>
    <row r="1" spans="1:21" ht="10" customHeight="1" x14ac:dyDescent="0.2">
      <c r="A1" s="159" t="s">
        <v>272</v>
      </c>
      <c r="B1" s="160"/>
      <c r="C1" s="160"/>
      <c r="D1" s="160"/>
      <c r="E1" s="160"/>
      <c r="F1" s="160"/>
      <c r="G1" s="160"/>
      <c r="H1" s="161"/>
      <c r="I1" s="1"/>
      <c r="J1" s="1"/>
      <c r="K1" s="21" t="s">
        <v>34</v>
      </c>
      <c r="L1" s="22" t="s">
        <v>35</v>
      </c>
      <c r="M1" s="22" t="s">
        <v>36</v>
      </c>
      <c r="N1" s="22" t="s">
        <v>37</v>
      </c>
      <c r="O1" s="22" t="s">
        <v>38</v>
      </c>
      <c r="P1" s="22" t="s">
        <v>39</v>
      </c>
      <c r="Q1" s="22" t="s">
        <v>40</v>
      </c>
      <c r="R1" s="22" t="s">
        <v>41</v>
      </c>
      <c r="S1" s="22" t="s">
        <v>42</v>
      </c>
      <c r="T1" s="22" t="s">
        <v>266</v>
      </c>
      <c r="U1" s="23" t="s">
        <v>96</v>
      </c>
    </row>
    <row r="2" spans="1:21" ht="10" customHeight="1" x14ac:dyDescent="0.2">
      <c r="A2" s="162"/>
      <c r="B2" s="163"/>
      <c r="C2" s="163"/>
      <c r="D2" s="163"/>
      <c r="E2" s="163"/>
      <c r="F2" s="163"/>
      <c r="G2" s="163"/>
      <c r="H2" s="164"/>
      <c r="I2" s="2"/>
      <c r="J2" s="2"/>
      <c r="K2" s="24" t="s">
        <v>33</v>
      </c>
      <c r="L2" s="25" t="s">
        <v>33</v>
      </c>
      <c r="M2" s="25" t="s">
        <v>33</v>
      </c>
      <c r="N2" s="25" t="s">
        <v>33</v>
      </c>
      <c r="O2" s="25" t="s">
        <v>33</v>
      </c>
      <c r="P2" s="25" t="s">
        <v>33</v>
      </c>
      <c r="Q2" s="25" t="s">
        <v>33</v>
      </c>
      <c r="R2" s="25" t="s">
        <v>33</v>
      </c>
      <c r="S2" s="25" t="s">
        <v>33</v>
      </c>
      <c r="T2" s="25" t="s">
        <v>33</v>
      </c>
      <c r="U2" s="26"/>
    </row>
    <row r="3" spans="1:21" ht="10" customHeight="1" x14ac:dyDescent="0.2">
      <c r="A3" s="186" t="s">
        <v>0</v>
      </c>
      <c r="B3" s="187"/>
      <c r="C3" s="187"/>
      <c r="D3" s="187"/>
      <c r="E3" s="187"/>
      <c r="F3" s="187"/>
      <c r="G3" s="187"/>
      <c r="H3" s="188"/>
      <c r="I3" s="42"/>
      <c r="J3" s="43"/>
      <c r="K3" s="44" t="s">
        <v>285</v>
      </c>
      <c r="L3" s="45" t="s">
        <v>286</v>
      </c>
      <c r="M3" s="45" t="s">
        <v>287</v>
      </c>
      <c r="N3" s="45" t="s">
        <v>288</v>
      </c>
      <c r="O3" s="45" t="s">
        <v>289</v>
      </c>
      <c r="P3" s="45" t="s">
        <v>290</v>
      </c>
      <c r="Q3" s="45" t="s">
        <v>291</v>
      </c>
      <c r="R3" s="45" t="s">
        <v>292</v>
      </c>
      <c r="S3" s="45" t="s">
        <v>293</v>
      </c>
      <c r="T3" s="45" t="s">
        <v>294</v>
      </c>
      <c r="U3" s="83"/>
    </row>
    <row r="4" spans="1:21" ht="10" customHeight="1" x14ac:dyDescent="0.2">
      <c r="A4" s="189" t="s">
        <v>1</v>
      </c>
      <c r="B4" s="170"/>
      <c r="C4" s="170"/>
      <c r="D4" s="170"/>
      <c r="E4" s="170"/>
      <c r="F4" s="170"/>
      <c r="G4" s="170"/>
      <c r="H4" s="171"/>
      <c r="I4" s="48"/>
      <c r="J4" s="49"/>
      <c r="K4" s="50" t="s">
        <v>295</v>
      </c>
      <c r="L4" s="51" t="s">
        <v>295</v>
      </c>
      <c r="M4" s="51" t="s">
        <v>296</v>
      </c>
      <c r="N4" s="51" t="s">
        <v>288</v>
      </c>
      <c r="O4" s="51" t="s">
        <v>289</v>
      </c>
      <c r="P4" s="51" t="s">
        <v>297</v>
      </c>
      <c r="Q4" s="51" t="s">
        <v>296</v>
      </c>
      <c r="R4" s="51" t="s">
        <v>292</v>
      </c>
      <c r="S4" s="51" t="s">
        <v>298</v>
      </c>
      <c r="T4" s="51" t="s">
        <v>299</v>
      </c>
      <c r="U4" s="84"/>
    </row>
    <row r="5" spans="1:21" ht="10" customHeight="1" x14ac:dyDescent="0.2">
      <c r="A5" s="189" t="s">
        <v>2</v>
      </c>
      <c r="B5" s="170"/>
      <c r="C5" s="170"/>
      <c r="D5" s="170"/>
      <c r="E5" s="170"/>
      <c r="F5" s="170"/>
      <c r="G5" s="170"/>
      <c r="H5" s="171"/>
      <c r="I5" s="48"/>
      <c r="J5" s="49"/>
      <c r="K5" s="52" t="s">
        <v>300</v>
      </c>
      <c r="L5" s="53" t="s">
        <v>301</v>
      </c>
      <c r="M5" s="53" t="s">
        <v>300</v>
      </c>
      <c r="N5" s="53" t="s">
        <v>300</v>
      </c>
      <c r="O5" s="53" t="s">
        <v>301</v>
      </c>
      <c r="P5" s="53" t="s">
        <v>301</v>
      </c>
      <c r="Q5" s="53" t="s">
        <v>301</v>
      </c>
      <c r="R5" s="53" t="s">
        <v>300</v>
      </c>
      <c r="S5" s="53" t="s">
        <v>300</v>
      </c>
      <c r="T5" s="53" t="s">
        <v>300</v>
      </c>
      <c r="U5" s="84"/>
    </row>
    <row r="6" spans="1:21" ht="10" customHeight="1" x14ac:dyDescent="0.2">
      <c r="A6" s="189" t="s">
        <v>3</v>
      </c>
      <c r="B6" s="170"/>
      <c r="C6" s="170"/>
      <c r="D6" s="170"/>
      <c r="E6" s="170"/>
      <c r="F6" s="170"/>
      <c r="G6" s="170"/>
      <c r="H6" s="171"/>
      <c r="I6" s="48"/>
      <c r="J6" s="49"/>
      <c r="K6" s="52" t="s">
        <v>302</v>
      </c>
      <c r="L6" s="53" t="s">
        <v>303</v>
      </c>
      <c r="M6" s="53" t="s">
        <v>302</v>
      </c>
      <c r="N6" s="53" t="s">
        <v>302</v>
      </c>
      <c r="O6" s="53" t="s">
        <v>303</v>
      </c>
      <c r="P6" s="53" t="s">
        <v>303</v>
      </c>
      <c r="Q6" s="53" t="s">
        <v>303</v>
      </c>
      <c r="R6" s="53" t="s">
        <v>302</v>
      </c>
      <c r="S6" s="53" t="s">
        <v>302</v>
      </c>
      <c r="T6" s="53" t="s">
        <v>302</v>
      </c>
      <c r="U6" s="84"/>
    </row>
    <row r="7" spans="1:21" ht="10" customHeight="1" x14ac:dyDescent="0.2">
      <c r="A7" s="165" t="s">
        <v>254</v>
      </c>
      <c r="B7" s="166" t="s">
        <v>4</v>
      </c>
      <c r="C7" s="167"/>
      <c r="D7" s="167"/>
      <c r="E7" s="167"/>
      <c r="F7" s="167"/>
      <c r="G7" s="167"/>
      <c r="H7" s="168"/>
      <c r="I7" s="48"/>
      <c r="J7" s="49"/>
      <c r="K7" s="54">
        <v>637</v>
      </c>
      <c r="L7" s="55">
        <v>510</v>
      </c>
      <c r="M7" s="55">
        <v>165</v>
      </c>
      <c r="N7" s="55">
        <v>49</v>
      </c>
      <c r="O7" s="55">
        <v>152</v>
      </c>
      <c r="P7" s="55">
        <v>363</v>
      </c>
      <c r="Q7" s="55">
        <v>380</v>
      </c>
      <c r="R7" s="55">
        <v>481</v>
      </c>
      <c r="S7" s="55">
        <v>130</v>
      </c>
      <c r="T7" s="55">
        <v>95</v>
      </c>
      <c r="U7" s="85">
        <v>2962</v>
      </c>
    </row>
    <row r="8" spans="1:21" ht="10" customHeight="1" x14ac:dyDescent="0.2">
      <c r="A8" s="165"/>
      <c r="B8" s="8"/>
      <c r="C8" s="169" t="s">
        <v>5</v>
      </c>
      <c r="D8" s="170"/>
      <c r="E8" s="170"/>
      <c r="F8" s="170"/>
      <c r="G8" s="170"/>
      <c r="H8" s="171"/>
      <c r="I8" s="48"/>
      <c r="J8" s="49"/>
      <c r="K8" s="54">
        <v>577</v>
      </c>
      <c r="L8" s="55">
        <v>510</v>
      </c>
      <c r="M8" s="55">
        <v>165</v>
      </c>
      <c r="N8" s="55">
        <v>49</v>
      </c>
      <c r="O8" s="55">
        <v>146</v>
      </c>
      <c r="P8" s="55">
        <v>361</v>
      </c>
      <c r="Q8" s="55">
        <v>380</v>
      </c>
      <c r="R8" s="55">
        <v>481</v>
      </c>
      <c r="S8" s="55">
        <v>130</v>
      </c>
      <c r="T8" s="55">
        <v>95</v>
      </c>
      <c r="U8" s="85">
        <v>2894</v>
      </c>
    </row>
    <row r="9" spans="1:21" ht="10" customHeight="1" x14ac:dyDescent="0.2">
      <c r="A9" s="165"/>
      <c r="B9" s="8"/>
      <c r="C9" s="169" t="s">
        <v>6</v>
      </c>
      <c r="D9" s="170"/>
      <c r="E9" s="170"/>
      <c r="F9" s="170"/>
      <c r="G9" s="170"/>
      <c r="H9" s="171"/>
      <c r="I9" s="48"/>
      <c r="J9" s="49"/>
      <c r="K9" s="54">
        <v>0</v>
      </c>
      <c r="L9" s="55">
        <v>0</v>
      </c>
      <c r="M9" s="55">
        <v>0</v>
      </c>
      <c r="N9" s="55">
        <v>0</v>
      </c>
      <c r="O9" s="55">
        <v>0</v>
      </c>
      <c r="P9" s="55">
        <v>0</v>
      </c>
      <c r="Q9" s="55">
        <v>0</v>
      </c>
      <c r="R9" s="55">
        <v>0</v>
      </c>
      <c r="S9" s="55">
        <v>0</v>
      </c>
      <c r="T9" s="55">
        <v>0</v>
      </c>
      <c r="U9" s="85">
        <v>0</v>
      </c>
    </row>
    <row r="10" spans="1:21" ht="10" customHeight="1" x14ac:dyDescent="0.2">
      <c r="A10" s="165"/>
      <c r="B10" s="8"/>
      <c r="C10" s="169" t="s">
        <v>7</v>
      </c>
      <c r="D10" s="170"/>
      <c r="E10" s="170"/>
      <c r="F10" s="170"/>
      <c r="G10" s="170"/>
      <c r="H10" s="171"/>
      <c r="I10" s="48"/>
      <c r="J10" s="49"/>
      <c r="K10" s="54">
        <v>20</v>
      </c>
      <c r="L10" s="55">
        <v>0</v>
      </c>
      <c r="M10" s="55">
        <v>0</v>
      </c>
      <c r="N10" s="55">
        <v>0</v>
      </c>
      <c r="O10" s="55">
        <v>0</v>
      </c>
      <c r="P10" s="55">
        <v>0</v>
      </c>
      <c r="Q10" s="55">
        <v>0</v>
      </c>
      <c r="R10" s="55">
        <v>0</v>
      </c>
      <c r="S10" s="55">
        <v>0</v>
      </c>
      <c r="T10" s="55">
        <v>0</v>
      </c>
      <c r="U10" s="85">
        <v>20</v>
      </c>
    </row>
    <row r="11" spans="1:21" ht="10" customHeight="1" x14ac:dyDescent="0.2">
      <c r="A11" s="165"/>
      <c r="B11" s="8"/>
      <c r="C11" s="169" t="s">
        <v>8</v>
      </c>
      <c r="D11" s="170"/>
      <c r="E11" s="170"/>
      <c r="F11" s="170"/>
      <c r="G11" s="170"/>
      <c r="H11" s="171"/>
      <c r="I11" s="48"/>
      <c r="J11" s="49"/>
      <c r="K11" s="54">
        <v>30</v>
      </c>
      <c r="L11" s="55">
        <v>0</v>
      </c>
      <c r="M11" s="55">
        <v>0</v>
      </c>
      <c r="N11" s="55">
        <v>0</v>
      </c>
      <c r="O11" s="55">
        <v>0</v>
      </c>
      <c r="P11" s="55">
        <v>0</v>
      </c>
      <c r="Q11" s="55">
        <v>0</v>
      </c>
      <c r="R11" s="55">
        <v>0</v>
      </c>
      <c r="S11" s="55">
        <v>0</v>
      </c>
      <c r="T11" s="55">
        <v>0</v>
      </c>
      <c r="U11" s="85">
        <v>30</v>
      </c>
    </row>
    <row r="12" spans="1:21" ht="10" customHeight="1" x14ac:dyDescent="0.2">
      <c r="A12" s="165"/>
      <c r="B12" s="57"/>
      <c r="C12" s="169" t="s">
        <v>9</v>
      </c>
      <c r="D12" s="170"/>
      <c r="E12" s="170"/>
      <c r="F12" s="170"/>
      <c r="G12" s="170"/>
      <c r="H12" s="171"/>
      <c r="I12" s="48"/>
      <c r="J12" s="49"/>
      <c r="K12" s="54">
        <v>10</v>
      </c>
      <c r="L12" s="55">
        <v>0</v>
      </c>
      <c r="M12" s="55">
        <v>0</v>
      </c>
      <c r="N12" s="55">
        <v>0</v>
      </c>
      <c r="O12" s="55">
        <v>6</v>
      </c>
      <c r="P12" s="55">
        <v>2</v>
      </c>
      <c r="Q12" s="55">
        <v>0</v>
      </c>
      <c r="R12" s="55">
        <v>0</v>
      </c>
      <c r="S12" s="55">
        <v>0</v>
      </c>
      <c r="T12" s="55">
        <v>0</v>
      </c>
      <c r="U12" s="85">
        <v>18</v>
      </c>
    </row>
    <row r="13" spans="1:21" ht="10" customHeight="1" x14ac:dyDescent="0.2">
      <c r="A13" s="165"/>
      <c r="B13" s="166" t="s">
        <v>10</v>
      </c>
      <c r="C13" s="167"/>
      <c r="D13" s="167"/>
      <c r="E13" s="167"/>
      <c r="F13" s="167"/>
      <c r="G13" s="167"/>
      <c r="H13" s="168"/>
      <c r="I13" s="48"/>
      <c r="J13" s="49"/>
      <c r="K13" s="54">
        <v>66371</v>
      </c>
      <c r="L13" s="55">
        <v>36984</v>
      </c>
      <c r="M13" s="55">
        <v>10567</v>
      </c>
      <c r="N13" s="55">
        <v>6246</v>
      </c>
      <c r="O13" s="55">
        <v>13805</v>
      </c>
      <c r="P13" s="55">
        <v>33600</v>
      </c>
      <c r="Q13" s="55">
        <v>38431</v>
      </c>
      <c r="R13" s="55">
        <v>32126</v>
      </c>
      <c r="S13" s="55">
        <v>6866</v>
      </c>
      <c r="T13" s="55">
        <v>8475</v>
      </c>
      <c r="U13" s="85">
        <v>253471</v>
      </c>
    </row>
    <row r="14" spans="1:21" ht="10" customHeight="1" x14ac:dyDescent="0.2">
      <c r="A14" s="165"/>
      <c r="B14" s="58"/>
      <c r="C14" s="169" t="s">
        <v>11</v>
      </c>
      <c r="D14" s="170"/>
      <c r="E14" s="170"/>
      <c r="F14" s="170"/>
      <c r="G14" s="170"/>
      <c r="H14" s="171"/>
      <c r="I14" s="48"/>
      <c r="J14" s="49"/>
      <c r="K14" s="54">
        <v>66371</v>
      </c>
      <c r="L14" s="55">
        <v>36984</v>
      </c>
      <c r="M14" s="55">
        <v>10567</v>
      </c>
      <c r="N14" s="55">
        <v>6246</v>
      </c>
      <c r="O14" s="55">
        <v>13805</v>
      </c>
      <c r="P14" s="55">
        <v>33600</v>
      </c>
      <c r="Q14" s="55">
        <v>38431</v>
      </c>
      <c r="R14" s="55">
        <v>32126</v>
      </c>
      <c r="S14" s="55">
        <v>6866</v>
      </c>
      <c r="T14" s="55">
        <v>8475</v>
      </c>
      <c r="U14" s="85">
        <v>253471</v>
      </c>
    </row>
    <row r="15" spans="1:21" ht="10" customHeight="1" x14ac:dyDescent="0.2">
      <c r="A15" s="165"/>
      <c r="B15" s="58"/>
      <c r="C15" s="169" t="s">
        <v>12</v>
      </c>
      <c r="D15" s="170"/>
      <c r="E15" s="170"/>
      <c r="F15" s="170"/>
      <c r="G15" s="170"/>
      <c r="H15" s="171"/>
      <c r="I15" s="48"/>
      <c r="J15" s="49"/>
      <c r="K15" s="54">
        <v>0</v>
      </c>
      <c r="L15" s="55">
        <v>0</v>
      </c>
      <c r="M15" s="55">
        <v>0</v>
      </c>
      <c r="N15" s="55">
        <v>0</v>
      </c>
      <c r="O15" s="55">
        <v>0</v>
      </c>
      <c r="P15" s="55">
        <v>0</v>
      </c>
      <c r="Q15" s="55">
        <v>0</v>
      </c>
      <c r="R15" s="55">
        <v>0</v>
      </c>
      <c r="S15" s="55">
        <v>0</v>
      </c>
      <c r="T15" s="55">
        <v>0</v>
      </c>
      <c r="U15" s="85">
        <v>0</v>
      </c>
    </row>
    <row r="16" spans="1:21" ht="10" customHeight="1" x14ac:dyDescent="0.2">
      <c r="A16" s="165"/>
      <c r="B16" s="59"/>
      <c r="C16" s="169" t="s">
        <v>13</v>
      </c>
      <c r="D16" s="170"/>
      <c r="E16" s="170"/>
      <c r="F16" s="170"/>
      <c r="G16" s="170"/>
      <c r="H16" s="171"/>
      <c r="I16" s="48"/>
      <c r="J16" s="49"/>
      <c r="K16" s="54">
        <v>0</v>
      </c>
      <c r="L16" s="55">
        <v>0</v>
      </c>
      <c r="M16" s="55">
        <v>0</v>
      </c>
      <c r="N16" s="55">
        <v>0</v>
      </c>
      <c r="O16" s="55">
        <v>0</v>
      </c>
      <c r="P16" s="55">
        <v>0</v>
      </c>
      <c r="Q16" s="55">
        <v>0</v>
      </c>
      <c r="R16" s="55">
        <v>0</v>
      </c>
      <c r="S16" s="55">
        <v>0</v>
      </c>
      <c r="T16" s="55">
        <v>0</v>
      </c>
      <c r="U16" s="85">
        <v>0</v>
      </c>
    </row>
    <row r="17" spans="1:22" ht="10" customHeight="1" x14ac:dyDescent="0.2">
      <c r="A17" s="165"/>
      <c r="B17" s="172" t="s">
        <v>14</v>
      </c>
      <c r="C17" s="173"/>
      <c r="D17" s="173"/>
      <c r="E17" s="174"/>
      <c r="F17" s="169" t="s">
        <v>15</v>
      </c>
      <c r="G17" s="170"/>
      <c r="H17" s="171"/>
      <c r="I17" s="48"/>
      <c r="J17" s="49"/>
      <c r="K17" s="54">
        <v>0</v>
      </c>
      <c r="L17" s="55">
        <v>1</v>
      </c>
      <c r="M17" s="55">
        <v>0</v>
      </c>
      <c r="N17" s="55">
        <v>0</v>
      </c>
      <c r="O17" s="55">
        <v>0</v>
      </c>
      <c r="P17" s="55">
        <v>0</v>
      </c>
      <c r="Q17" s="55">
        <v>0</v>
      </c>
      <c r="R17" s="55">
        <v>0</v>
      </c>
      <c r="S17" s="55">
        <v>0</v>
      </c>
      <c r="T17" s="55">
        <v>2</v>
      </c>
      <c r="U17" s="85">
        <v>3</v>
      </c>
    </row>
    <row r="18" spans="1:22" ht="10" customHeight="1" x14ac:dyDescent="0.2">
      <c r="A18" s="165"/>
      <c r="B18" s="175"/>
      <c r="C18" s="176"/>
      <c r="D18" s="176"/>
      <c r="E18" s="177"/>
      <c r="F18" s="190" t="s">
        <v>16</v>
      </c>
      <c r="G18" s="190" t="s">
        <v>17</v>
      </c>
      <c r="H18" s="41" t="s">
        <v>18</v>
      </c>
      <c r="I18" s="48"/>
      <c r="J18" s="49"/>
      <c r="K18" s="54">
        <v>0</v>
      </c>
      <c r="L18" s="55">
        <v>0</v>
      </c>
      <c r="M18" s="55">
        <v>0</v>
      </c>
      <c r="N18" s="55">
        <v>0</v>
      </c>
      <c r="O18" s="55">
        <v>0</v>
      </c>
      <c r="P18" s="55">
        <v>0</v>
      </c>
      <c r="Q18" s="55">
        <v>0</v>
      </c>
      <c r="R18" s="55">
        <v>0</v>
      </c>
      <c r="S18" s="55">
        <v>0</v>
      </c>
      <c r="T18" s="55">
        <v>0</v>
      </c>
      <c r="U18" s="85">
        <v>0</v>
      </c>
    </row>
    <row r="19" spans="1:22" ht="10" customHeight="1" x14ac:dyDescent="0.2">
      <c r="A19" s="165"/>
      <c r="B19" s="175"/>
      <c r="C19" s="176"/>
      <c r="D19" s="176"/>
      <c r="E19" s="177"/>
      <c r="F19" s="190"/>
      <c r="G19" s="190"/>
      <c r="H19" s="3" t="s">
        <v>19</v>
      </c>
      <c r="I19" s="60"/>
      <c r="K19" s="54">
        <v>0</v>
      </c>
      <c r="L19" s="55">
        <v>0</v>
      </c>
      <c r="M19" s="55">
        <v>0</v>
      </c>
      <c r="N19" s="55">
        <v>0</v>
      </c>
      <c r="O19" s="55">
        <v>0</v>
      </c>
      <c r="P19" s="55">
        <v>0</v>
      </c>
      <c r="Q19" s="55">
        <v>0</v>
      </c>
      <c r="R19" s="55">
        <v>0</v>
      </c>
      <c r="S19" s="55">
        <v>0</v>
      </c>
      <c r="T19" s="55">
        <v>0</v>
      </c>
      <c r="U19" s="85">
        <v>0</v>
      </c>
    </row>
    <row r="20" spans="1:22" ht="10" customHeight="1" x14ac:dyDescent="0.2">
      <c r="A20" s="165"/>
      <c r="B20" s="175"/>
      <c r="C20" s="176"/>
      <c r="D20" s="176"/>
      <c r="E20" s="177"/>
      <c r="F20" s="190"/>
      <c r="G20" s="190" t="s">
        <v>20</v>
      </c>
      <c r="H20" s="41" t="s">
        <v>18</v>
      </c>
      <c r="I20" s="48"/>
      <c r="J20" s="49"/>
      <c r="K20" s="54">
        <v>0</v>
      </c>
      <c r="L20" s="55">
        <v>0</v>
      </c>
      <c r="M20" s="55">
        <v>0</v>
      </c>
      <c r="N20" s="55">
        <v>0</v>
      </c>
      <c r="O20" s="55">
        <v>0</v>
      </c>
      <c r="P20" s="55">
        <v>0</v>
      </c>
      <c r="Q20" s="55">
        <v>0</v>
      </c>
      <c r="R20" s="55">
        <v>0</v>
      </c>
      <c r="S20" s="55">
        <v>0</v>
      </c>
      <c r="T20" s="55">
        <v>0</v>
      </c>
      <c r="U20" s="85">
        <v>0</v>
      </c>
    </row>
    <row r="21" spans="1:22" ht="10" customHeight="1" x14ac:dyDescent="0.2">
      <c r="A21" s="165"/>
      <c r="B21" s="178"/>
      <c r="C21" s="179"/>
      <c r="D21" s="179"/>
      <c r="E21" s="180"/>
      <c r="F21" s="190"/>
      <c r="G21" s="190"/>
      <c r="H21" s="3" t="s">
        <v>19</v>
      </c>
      <c r="I21" s="60"/>
      <c r="K21" s="54">
        <v>0</v>
      </c>
      <c r="L21" s="55">
        <v>0</v>
      </c>
      <c r="M21" s="55">
        <v>0</v>
      </c>
      <c r="N21" s="55">
        <v>0</v>
      </c>
      <c r="O21" s="55">
        <v>0</v>
      </c>
      <c r="P21" s="55">
        <v>0</v>
      </c>
      <c r="Q21" s="55">
        <v>0</v>
      </c>
      <c r="R21" s="55">
        <v>0</v>
      </c>
      <c r="S21" s="55">
        <v>0</v>
      </c>
      <c r="T21" s="55">
        <v>0</v>
      </c>
      <c r="U21" s="85">
        <v>0</v>
      </c>
    </row>
    <row r="22" spans="1:22" ht="10" customHeight="1" x14ac:dyDescent="0.2">
      <c r="A22" s="165"/>
      <c r="B22" s="172" t="s">
        <v>21</v>
      </c>
      <c r="C22" s="173"/>
      <c r="D22" s="173"/>
      <c r="E22" s="174"/>
      <c r="F22" s="169" t="s">
        <v>22</v>
      </c>
      <c r="G22" s="170"/>
      <c r="H22" s="171"/>
      <c r="I22" s="48"/>
      <c r="J22" s="49"/>
      <c r="K22" s="52" t="s">
        <v>303</v>
      </c>
      <c r="L22" s="53" t="s">
        <v>303</v>
      </c>
      <c r="M22" s="53" t="s">
        <v>303</v>
      </c>
      <c r="N22" s="53" t="s">
        <v>302</v>
      </c>
      <c r="O22" s="53" t="s">
        <v>303</v>
      </c>
      <c r="P22" s="53" t="s">
        <v>303</v>
      </c>
      <c r="Q22" s="53" t="s">
        <v>303</v>
      </c>
      <c r="R22" s="53" t="s">
        <v>303</v>
      </c>
      <c r="S22" s="53" t="s">
        <v>303</v>
      </c>
      <c r="T22" s="53" t="s">
        <v>303</v>
      </c>
      <c r="U22" s="85">
        <v>0</v>
      </c>
    </row>
    <row r="23" spans="1:22" ht="10" customHeight="1" x14ac:dyDescent="0.2">
      <c r="A23" s="165"/>
      <c r="B23" s="175"/>
      <c r="C23" s="176"/>
      <c r="D23" s="176"/>
      <c r="E23" s="177"/>
      <c r="F23" s="169" t="s">
        <v>23</v>
      </c>
      <c r="G23" s="170"/>
      <c r="H23" s="171"/>
      <c r="I23" s="48"/>
      <c r="J23" s="49"/>
      <c r="K23" s="54">
        <v>27</v>
      </c>
      <c r="L23" s="55">
        <v>41</v>
      </c>
      <c r="M23" s="55">
        <v>6</v>
      </c>
      <c r="N23" s="55">
        <v>0</v>
      </c>
      <c r="O23" s="55">
        <v>3</v>
      </c>
      <c r="P23" s="55">
        <v>9</v>
      </c>
      <c r="Q23" s="55">
        <v>37</v>
      </c>
      <c r="R23" s="55">
        <v>12</v>
      </c>
      <c r="S23" s="55">
        <v>10</v>
      </c>
      <c r="T23" s="55">
        <v>5</v>
      </c>
      <c r="U23" s="85">
        <v>150</v>
      </c>
    </row>
    <row r="24" spans="1:22" ht="10" customHeight="1" x14ac:dyDescent="0.2">
      <c r="A24" s="165"/>
      <c r="B24" s="178"/>
      <c r="C24" s="179"/>
      <c r="D24" s="179"/>
      <c r="E24" s="180"/>
      <c r="F24" s="181" t="s">
        <v>250</v>
      </c>
      <c r="G24" s="182"/>
      <c r="H24" s="183"/>
      <c r="I24" s="48"/>
      <c r="J24" s="49"/>
      <c r="K24" s="54">
        <v>20</v>
      </c>
      <c r="L24" s="55">
        <v>8</v>
      </c>
      <c r="M24" s="55">
        <v>0</v>
      </c>
      <c r="N24" s="55">
        <v>0</v>
      </c>
      <c r="O24" s="55">
        <v>0</v>
      </c>
      <c r="P24" s="55">
        <v>0</v>
      </c>
      <c r="Q24" s="55">
        <v>0</v>
      </c>
      <c r="R24" s="55">
        <v>0</v>
      </c>
      <c r="S24" s="55">
        <v>0</v>
      </c>
      <c r="T24" s="55">
        <v>0</v>
      </c>
      <c r="U24" s="85">
        <v>28</v>
      </c>
    </row>
    <row r="25" spans="1:22" ht="10" customHeight="1" x14ac:dyDescent="0.2">
      <c r="A25" s="184" t="s">
        <v>25</v>
      </c>
      <c r="B25" s="169" t="s">
        <v>26</v>
      </c>
      <c r="C25" s="170"/>
      <c r="D25" s="170"/>
      <c r="E25" s="170"/>
      <c r="F25" s="170"/>
      <c r="G25" s="170"/>
      <c r="H25" s="171"/>
      <c r="I25" s="48"/>
      <c r="J25" s="49"/>
      <c r="K25" s="54">
        <v>365</v>
      </c>
      <c r="L25" s="55">
        <v>365</v>
      </c>
      <c r="M25" s="55">
        <v>365</v>
      </c>
      <c r="N25" s="55">
        <v>365</v>
      </c>
      <c r="O25" s="55">
        <v>365</v>
      </c>
      <c r="P25" s="55">
        <v>365</v>
      </c>
      <c r="Q25" s="55">
        <v>365</v>
      </c>
      <c r="R25" s="55">
        <v>365</v>
      </c>
      <c r="S25" s="55">
        <v>365</v>
      </c>
      <c r="T25" s="55">
        <v>365</v>
      </c>
      <c r="U25" s="85">
        <v>365</v>
      </c>
    </row>
    <row r="26" spans="1:22" ht="10" customHeight="1" x14ac:dyDescent="0.2">
      <c r="A26" s="165"/>
      <c r="B26" s="169" t="s">
        <v>27</v>
      </c>
      <c r="C26" s="170"/>
      <c r="D26" s="170"/>
      <c r="E26" s="170"/>
      <c r="F26" s="170"/>
      <c r="G26" s="170"/>
      <c r="H26" s="171"/>
      <c r="I26" s="48"/>
      <c r="J26" s="49"/>
      <c r="K26" s="54">
        <v>190219</v>
      </c>
      <c r="L26" s="55">
        <v>142022</v>
      </c>
      <c r="M26" s="55">
        <v>33570</v>
      </c>
      <c r="N26" s="55">
        <v>12199</v>
      </c>
      <c r="O26" s="55">
        <v>31032</v>
      </c>
      <c r="P26" s="55">
        <v>102593</v>
      </c>
      <c r="Q26" s="55">
        <v>99091</v>
      </c>
      <c r="R26" s="55">
        <v>111416</v>
      </c>
      <c r="S26" s="55">
        <v>28421</v>
      </c>
      <c r="T26" s="55">
        <v>15482</v>
      </c>
      <c r="U26" s="85">
        <v>766045</v>
      </c>
    </row>
    <row r="27" spans="1:22" ht="10" customHeight="1" x14ac:dyDescent="0.2">
      <c r="A27" s="165"/>
      <c r="B27" s="169" t="s">
        <v>28</v>
      </c>
      <c r="C27" s="170"/>
      <c r="D27" s="170"/>
      <c r="E27" s="170"/>
      <c r="F27" s="170"/>
      <c r="G27" s="170"/>
      <c r="H27" s="171"/>
      <c r="I27" s="48"/>
      <c r="J27" s="49"/>
      <c r="K27" s="54">
        <v>243</v>
      </c>
      <c r="L27" s="55">
        <v>270</v>
      </c>
      <c r="M27" s="55">
        <v>266</v>
      </c>
      <c r="N27" s="55">
        <v>365</v>
      </c>
      <c r="O27" s="55">
        <v>293</v>
      </c>
      <c r="P27" s="55">
        <v>243</v>
      </c>
      <c r="Q27" s="55">
        <v>266</v>
      </c>
      <c r="R27" s="55">
        <v>243</v>
      </c>
      <c r="S27" s="55">
        <v>293</v>
      </c>
      <c r="T27" s="55">
        <v>268</v>
      </c>
      <c r="U27" s="85">
        <v>275</v>
      </c>
    </row>
    <row r="28" spans="1:22" ht="10" customHeight="1" x14ac:dyDescent="0.2">
      <c r="A28" s="185"/>
      <c r="B28" s="169" t="s">
        <v>29</v>
      </c>
      <c r="C28" s="170"/>
      <c r="D28" s="170"/>
      <c r="E28" s="170"/>
      <c r="F28" s="170"/>
      <c r="G28" s="170"/>
      <c r="H28" s="171"/>
      <c r="I28" s="48"/>
      <c r="J28" s="49"/>
      <c r="K28" s="54">
        <v>260977</v>
      </c>
      <c r="L28" s="55">
        <v>275936</v>
      </c>
      <c r="M28" s="55">
        <v>70504</v>
      </c>
      <c r="N28" s="55">
        <v>47915</v>
      </c>
      <c r="O28" s="55">
        <v>94788</v>
      </c>
      <c r="P28" s="55">
        <v>168092</v>
      </c>
      <c r="Q28" s="55">
        <v>190112</v>
      </c>
      <c r="R28" s="55">
        <v>179040</v>
      </c>
      <c r="S28" s="55">
        <v>101170</v>
      </c>
      <c r="T28" s="55">
        <v>32498</v>
      </c>
      <c r="U28" s="85">
        <v>1421032</v>
      </c>
    </row>
    <row r="29" spans="1:22" ht="10" customHeight="1" x14ac:dyDescent="0.2">
      <c r="A29" s="191" t="s">
        <v>30</v>
      </c>
      <c r="B29" s="192"/>
      <c r="C29" s="192"/>
      <c r="D29" s="192"/>
      <c r="E29" s="192"/>
      <c r="F29" s="192"/>
      <c r="G29" s="192"/>
      <c r="H29" s="193"/>
      <c r="I29" s="48"/>
      <c r="J29" s="49"/>
      <c r="K29" s="54">
        <v>1462</v>
      </c>
      <c r="L29" s="55">
        <v>1027</v>
      </c>
      <c r="M29" s="55">
        <v>231</v>
      </c>
      <c r="N29" s="55">
        <v>201</v>
      </c>
      <c r="O29" s="55">
        <v>328</v>
      </c>
      <c r="P29" s="55">
        <v>820</v>
      </c>
      <c r="Q29" s="55">
        <v>782</v>
      </c>
      <c r="R29" s="55">
        <v>895</v>
      </c>
      <c r="S29" s="55">
        <v>264</v>
      </c>
      <c r="T29" s="55">
        <v>123</v>
      </c>
      <c r="U29" s="85">
        <v>6133</v>
      </c>
    </row>
    <row r="30" spans="1:22" ht="10" customHeight="1" x14ac:dyDescent="0.2">
      <c r="A30" s="61"/>
      <c r="B30" s="169" t="s">
        <v>31</v>
      </c>
      <c r="C30" s="170"/>
      <c r="D30" s="170"/>
      <c r="E30" s="170"/>
      <c r="F30" s="170"/>
      <c r="G30" s="170"/>
      <c r="H30" s="171"/>
      <c r="I30" s="48"/>
      <c r="J30" s="49"/>
      <c r="K30" s="54">
        <v>1462</v>
      </c>
      <c r="L30" s="55">
        <v>1027</v>
      </c>
      <c r="M30" s="55">
        <v>231</v>
      </c>
      <c r="N30" s="55">
        <v>201</v>
      </c>
      <c r="O30" s="55">
        <v>328</v>
      </c>
      <c r="P30" s="55">
        <v>820</v>
      </c>
      <c r="Q30" s="55">
        <v>782</v>
      </c>
      <c r="R30" s="55">
        <v>895</v>
      </c>
      <c r="S30" s="55">
        <v>264</v>
      </c>
      <c r="T30" s="55">
        <v>123</v>
      </c>
      <c r="U30" s="85">
        <v>6133</v>
      </c>
    </row>
    <row r="31" spans="1:22" ht="10" customHeight="1" x14ac:dyDescent="0.2">
      <c r="A31" s="62"/>
      <c r="B31" s="169" t="s">
        <v>32</v>
      </c>
      <c r="C31" s="170"/>
      <c r="D31" s="170"/>
      <c r="E31" s="170"/>
      <c r="F31" s="170"/>
      <c r="G31" s="170"/>
      <c r="H31" s="171"/>
      <c r="I31" s="63"/>
      <c r="J31" s="64"/>
      <c r="K31" s="54">
        <v>0</v>
      </c>
      <c r="L31" s="55">
        <v>0</v>
      </c>
      <c r="M31" s="55">
        <v>0</v>
      </c>
      <c r="N31" s="55">
        <v>0</v>
      </c>
      <c r="O31" s="55">
        <v>0</v>
      </c>
      <c r="P31" s="55">
        <v>0</v>
      </c>
      <c r="Q31" s="55">
        <v>0</v>
      </c>
      <c r="R31" s="55">
        <v>0</v>
      </c>
      <c r="S31" s="55">
        <v>0</v>
      </c>
      <c r="T31" s="55">
        <v>0</v>
      </c>
      <c r="U31" s="85">
        <v>0</v>
      </c>
    </row>
    <row r="32" spans="1:22" ht="10" customHeight="1" x14ac:dyDescent="0.15">
      <c r="A32" s="198" t="s">
        <v>227</v>
      </c>
      <c r="B32" s="194" t="s">
        <v>228</v>
      </c>
      <c r="C32" s="194"/>
      <c r="D32" s="194"/>
      <c r="E32" s="194"/>
      <c r="F32" s="194"/>
      <c r="G32" s="194"/>
      <c r="H32" s="195"/>
      <c r="I32" s="65"/>
      <c r="J32" s="66"/>
      <c r="K32" s="67">
        <v>521.14794520547946</v>
      </c>
      <c r="L32" s="68">
        <v>389.1013698630137</v>
      </c>
      <c r="M32" s="68">
        <v>91.972602739726028</v>
      </c>
      <c r="N32" s="68">
        <v>33.421917808219177</v>
      </c>
      <c r="O32" s="68">
        <v>85.019178082191786</v>
      </c>
      <c r="P32" s="68">
        <v>281.07671232876714</v>
      </c>
      <c r="Q32" s="68">
        <v>271.48219178082189</v>
      </c>
      <c r="R32" s="68">
        <v>305.24931506849316</v>
      </c>
      <c r="S32" s="68">
        <v>77.865753424657541</v>
      </c>
      <c r="T32" s="68">
        <v>42.416438356164385</v>
      </c>
      <c r="U32" s="86">
        <v>2098.7534246575342</v>
      </c>
      <c r="V32" s="4" ph="1"/>
    </row>
    <row r="33" spans="1:22" ht="10" customHeight="1" x14ac:dyDescent="0.15">
      <c r="A33" s="198"/>
      <c r="B33" s="194" t="s">
        <v>229</v>
      </c>
      <c r="C33" s="194"/>
      <c r="D33" s="194"/>
      <c r="E33" s="194"/>
      <c r="F33" s="194"/>
      <c r="G33" s="194"/>
      <c r="H33" s="195"/>
      <c r="I33" s="65"/>
      <c r="J33" s="66"/>
      <c r="K33" s="67">
        <v>1073.9794238683128</v>
      </c>
      <c r="L33" s="68">
        <v>1021.9851851851852</v>
      </c>
      <c r="M33" s="68">
        <v>265.05263157894734</v>
      </c>
      <c r="N33" s="68">
        <v>131.27397260273972</v>
      </c>
      <c r="O33" s="68">
        <v>323.50853242320818</v>
      </c>
      <c r="P33" s="68">
        <v>691.73662551440327</v>
      </c>
      <c r="Q33" s="68">
        <v>714.70676691729318</v>
      </c>
      <c r="R33" s="68">
        <v>736.79012345679007</v>
      </c>
      <c r="S33" s="68">
        <v>345.29010238907847</v>
      </c>
      <c r="T33" s="68">
        <v>121.26119402985074</v>
      </c>
      <c r="U33" s="86">
        <v>5167.3890909090906</v>
      </c>
      <c r="V33" s="4" ph="1"/>
    </row>
    <row r="34" spans="1:22" ht="10" customHeight="1" x14ac:dyDescent="0.15">
      <c r="A34" s="198"/>
      <c r="B34" s="194" t="s">
        <v>230</v>
      </c>
      <c r="C34" s="194"/>
      <c r="D34" s="194"/>
      <c r="E34" s="194"/>
      <c r="F34" s="194"/>
      <c r="G34" s="194"/>
      <c r="H34" s="195"/>
      <c r="I34" s="65"/>
      <c r="J34" s="66"/>
      <c r="K34" s="69">
        <v>137.19817683827588</v>
      </c>
      <c r="L34" s="70">
        <v>194.29102533410315</v>
      </c>
      <c r="M34" s="70">
        <v>210.02085195114685</v>
      </c>
      <c r="N34" s="70">
        <v>392.77809656529223</v>
      </c>
      <c r="O34" s="70">
        <v>305.4524361948956</v>
      </c>
      <c r="P34" s="70">
        <v>163.84353708342675</v>
      </c>
      <c r="Q34" s="70">
        <v>191.85597077433874</v>
      </c>
      <c r="R34" s="70">
        <v>160.69505277518491</v>
      </c>
      <c r="S34" s="70">
        <v>355.96917772069946</v>
      </c>
      <c r="T34" s="70">
        <v>209.90828058390389</v>
      </c>
      <c r="U34" s="87">
        <v>185.50241826524552</v>
      </c>
      <c r="V34" s="4" ph="1"/>
    </row>
    <row r="35" spans="1:22" ht="10" customHeight="1" x14ac:dyDescent="0.15">
      <c r="A35" s="198"/>
      <c r="B35" s="194" t="s">
        <v>231</v>
      </c>
      <c r="C35" s="194"/>
      <c r="D35" s="194"/>
      <c r="E35" s="194"/>
      <c r="F35" s="194"/>
      <c r="G35" s="194"/>
      <c r="H35" s="195"/>
      <c r="I35" s="71"/>
      <c r="J35" s="72"/>
      <c r="K35" s="69">
        <v>2.7338171888473699</v>
      </c>
      <c r="L35" s="70">
        <v>2.2390704567311484</v>
      </c>
      <c r="M35" s="70">
        <v>5.0186873972193151</v>
      </c>
      <c r="N35" s="70">
        <v>2.3928991761475089</v>
      </c>
      <c r="O35" s="70">
        <v>2.9308651303362296</v>
      </c>
      <c r="P35" s="70">
        <v>2.5763541849777756</v>
      </c>
      <c r="Q35" s="70">
        <v>2.6004041358316274</v>
      </c>
      <c r="R35" s="70">
        <v>1.5036912072339563</v>
      </c>
      <c r="S35" s="70">
        <v>3.156486006219458</v>
      </c>
      <c r="T35" s="70">
        <v>215.02777777777777</v>
      </c>
      <c r="U35" s="87">
        <v>2.4205010079562186</v>
      </c>
      <c r="V35" s="4" ph="1"/>
    </row>
    <row r="36" spans="1:22" ht="10" customHeight="1" x14ac:dyDescent="0.15">
      <c r="A36" s="198"/>
      <c r="B36" s="194" t="s">
        <v>232</v>
      </c>
      <c r="C36" s="194"/>
      <c r="D36" s="194"/>
      <c r="E36" s="194"/>
      <c r="F36" s="194"/>
      <c r="G36" s="194"/>
      <c r="H36" s="195"/>
      <c r="I36" s="71"/>
      <c r="J36" s="72"/>
      <c r="K36" s="69">
        <v>3.7507473411899972</v>
      </c>
      <c r="L36" s="70">
        <v>4.3503129483359348</v>
      </c>
      <c r="M36" s="70">
        <v>10.540290028404844</v>
      </c>
      <c r="N36" s="70">
        <v>9.398783836798744</v>
      </c>
      <c r="O36" s="70">
        <v>8.952398942198716</v>
      </c>
      <c r="P36" s="70">
        <v>4.2211898244644788</v>
      </c>
      <c r="Q36" s="70">
        <v>4.9890305988558232</v>
      </c>
      <c r="R36" s="70">
        <v>2.4163573790404209</v>
      </c>
      <c r="S36" s="70">
        <v>11.236117281208351</v>
      </c>
      <c r="T36" s="70">
        <v>451.36111111111109</v>
      </c>
      <c r="U36" s="87">
        <v>4.4900879038934285</v>
      </c>
      <c r="V36" s="4" ph="1"/>
    </row>
    <row r="37" spans="1:22" ht="10" customHeight="1" x14ac:dyDescent="0.15">
      <c r="A37" s="198"/>
      <c r="B37" s="194" t="s">
        <v>233</v>
      </c>
      <c r="C37" s="194"/>
      <c r="D37" s="194"/>
      <c r="E37" s="194"/>
      <c r="F37" s="194"/>
      <c r="G37" s="194"/>
      <c r="H37" s="195"/>
      <c r="I37" s="71"/>
      <c r="J37" s="72"/>
      <c r="K37" s="69">
        <v>0.61225481676033033</v>
      </c>
      <c r="L37" s="70">
        <v>0.76492036904383609</v>
      </c>
      <c r="M37" s="70">
        <v>0.75621733645701927</v>
      </c>
      <c r="N37" s="70">
        <v>0.63899219527526063</v>
      </c>
      <c r="O37" s="70">
        <v>0.64056146145113013</v>
      </c>
      <c r="P37" s="70">
        <v>0.75741221982694973</v>
      </c>
      <c r="Q37" s="70">
        <v>0.72305974723446487</v>
      </c>
      <c r="R37" s="70">
        <v>0.67235531953412586</v>
      </c>
      <c r="S37" s="70">
        <v>0.75163969110335338</v>
      </c>
      <c r="T37" s="70">
        <v>27.401769911504424</v>
      </c>
      <c r="U37" s="87">
        <v>0.70611946544550197</v>
      </c>
      <c r="V37" s="4" ph="1"/>
    </row>
    <row r="38" spans="1:22" ht="10" customHeight="1" x14ac:dyDescent="0.15">
      <c r="A38" s="198"/>
      <c r="B38" s="194" t="s">
        <v>234</v>
      </c>
      <c r="C38" s="194"/>
      <c r="D38" s="194"/>
      <c r="E38" s="194"/>
      <c r="F38" s="194"/>
      <c r="G38" s="194"/>
      <c r="H38" s="195"/>
      <c r="I38" s="71"/>
      <c r="J38" s="72"/>
      <c r="K38" s="69">
        <v>0.84000244619969999</v>
      </c>
      <c r="L38" s="70">
        <v>1.4861716280046751</v>
      </c>
      <c r="M38" s="70">
        <v>1.5882140926293027</v>
      </c>
      <c r="N38" s="70">
        <v>2.509821381802944</v>
      </c>
      <c r="O38" s="70">
        <v>1.9566105893281041</v>
      </c>
      <c r="P38" s="70">
        <v>1.2409709712665742</v>
      </c>
      <c r="Q38" s="70">
        <v>1.3872332973351624</v>
      </c>
      <c r="R38" s="70">
        <v>1.0804417355621265</v>
      </c>
      <c r="S38" s="70">
        <v>2.6756056278430127</v>
      </c>
      <c r="T38" s="70">
        <v>57.518584070796457</v>
      </c>
      <c r="U38" s="87">
        <v>1.3098686842430309</v>
      </c>
      <c r="V38" s="4" ph="1"/>
    </row>
    <row r="39" spans="1:22" ht="10" customHeight="1" x14ac:dyDescent="0.15">
      <c r="A39" s="198" t="s">
        <v>251</v>
      </c>
      <c r="B39" s="194" t="s">
        <v>235</v>
      </c>
      <c r="C39" s="194"/>
      <c r="D39" s="194"/>
      <c r="E39" s="194"/>
      <c r="F39" s="194"/>
      <c r="G39" s="194"/>
      <c r="H39" s="195"/>
      <c r="I39" s="65"/>
      <c r="J39" s="66"/>
      <c r="K39" s="67">
        <v>81480.272738264845</v>
      </c>
      <c r="L39" s="68">
        <v>79768.796383658861</v>
      </c>
      <c r="M39" s="68">
        <v>44668.513553768244</v>
      </c>
      <c r="N39" s="68">
        <v>31581.76899745881</v>
      </c>
      <c r="O39" s="68">
        <v>59790.861046661514</v>
      </c>
      <c r="P39" s="68">
        <v>66586.404530523519</v>
      </c>
      <c r="Q39" s="68">
        <v>69889.990009183472</v>
      </c>
      <c r="R39" s="68">
        <v>59713.766424929992</v>
      </c>
      <c r="S39" s="68">
        <v>35656.169733647657</v>
      </c>
      <c r="T39" s="68">
        <v>32311.523059036295</v>
      </c>
      <c r="U39" s="88">
        <v>56144.806647713332</v>
      </c>
      <c r="V39" s="4" ph="1"/>
    </row>
    <row r="40" spans="1:22" ht="10" customHeight="1" x14ac:dyDescent="0.15">
      <c r="A40" s="198"/>
      <c r="B40" s="194" t="s">
        <v>236</v>
      </c>
      <c r="C40" s="194"/>
      <c r="D40" s="194"/>
      <c r="E40" s="194"/>
      <c r="F40" s="194"/>
      <c r="G40" s="194"/>
      <c r="H40" s="195"/>
      <c r="I40" s="65"/>
      <c r="J40" s="66"/>
      <c r="K40" s="67">
        <v>18692.122294301797</v>
      </c>
      <c r="L40" s="68">
        <v>15712.730488229156</v>
      </c>
      <c r="M40" s="68">
        <v>12223.689436060366</v>
      </c>
      <c r="N40" s="68">
        <v>10782.448085150789</v>
      </c>
      <c r="O40" s="68">
        <v>15383.360762965776</v>
      </c>
      <c r="P40" s="68">
        <v>21997.001641957977</v>
      </c>
      <c r="Q40" s="68">
        <v>19295.82561858273</v>
      </c>
      <c r="R40" s="68">
        <v>15350.770777479893</v>
      </c>
      <c r="S40" s="68">
        <v>10971.562716220224</v>
      </c>
      <c r="T40" s="68">
        <v>11024.124561511479</v>
      </c>
      <c r="U40" s="88">
        <v>15143.363638246019</v>
      </c>
      <c r="V40" s="4" ph="1"/>
    </row>
    <row r="41" spans="1:22" ht="9.75" customHeight="1" x14ac:dyDescent="0.15">
      <c r="A41" s="198" t="s">
        <v>252</v>
      </c>
      <c r="B41" s="194" t="s">
        <v>237</v>
      </c>
      <c r="C41" s="194"/>
      <c r="D41" s="194"/>
      <c r="E41" s="194"/>
      <c r="F41" s="194"/>
      <c r="G41" s="194"/>
      <c r="H41" s="195"/>
      <c r="I41" s="65"/>
      <c r="J41" s="66"/>
      <c r="K41" s="67">
        <v>30026.46964955363</v>
      </c>
      <c r="L41" s="68">
        <v>22251.152029629771</v>
      </c>
      <c r="M41" s="68">
        <v>16209.581643830352</v>
      </c>
      <c r="N41" s="68">
        <v>17894.999500948197</v>
      </c>
      <c r="O41" s="68">
        <v>18538.300747099031</v>
      </c>
      <c r="P41" s="68">
        <v>21436.477824777878</v>
      </c>
      <c r="Q41" s="68">
        <v>21584.502927009748</v>
      </c>
      <c r="R41" s="68">
        <v>23576.283499049769</v>
      </c>
      <c r="S41" s="68">
        <v>14522.266206758186</v>
      </c>
      <c r="T41" s="68">
        <v>16665.631513130473</v>
      </c>
      <c r="U41" s="88">
        <v>20270.566554178706</v>
      </c>
      <c r="V41" s="4" ph="1"/>
    </row>
    <row r="42" spans="1:22" ht="10" customHeight="1" x14ac:dyDescent="0.15">
      <c r="A42" s="198"/>
      <c r="B42" s="194" t="s">
        <v>238</v>
      </c>
      <c r="C42" s="194"/>
      <c r="D42" s="194"/>
      <c r="E42" s="194"/>
      <c r="F42" s="194"/>
      <c r="G42" s="194"/>
      <c r="H42" s="195"/>
      <c r="I42" s="65"/>
      <c r="J42" s="66"/>
      <c r="K42" s="67">
        <v>6748.2579632798161</v>
      </c>
      <c r="L42" s="68">
        <v>3608.5778953866179</v>
      </c>
      <c r="M42" s="68">
        <v>1192.52647154909</v>
      </c>
      <c r="N42" s="68">
        <v>868.05070366304017</v>
      </c>
      <c r="O42" s="68">
        <v>2902.0902877126055</v>
      </c>
      <c r="P42" s="68">
        <v>2335.1312411105159</v>
      </c>
      <c r="Q42" s="68">
        <v>3078.0662717883288</v>
      </c>
      <c r="R42" s="68">
        <v>2417.1819483846089</v>
      </c>
      <c r="S42" s="68">
        <v>994.27429373953441</v>
      </c>
      <c r="T42" s="68">
        <v>1854.9187161317216</v>
      </c>
      <c r="U42" s="88">
        <v>2599.907579274588</v>
      </c>
      <c r="V42" s="4" ph="1"/>
    </row>
    <row r="43" spans="1:22" ht="10" customHeight="1" x14ac:dyDescent="0.15">
      <c r="A43" s="198"/>
      <c r="B43" s="194" t="s">
        <v>239</v>
      </c>
      <c r="C43" s="194"/>
      <c r="D43" s="194"/>
      <c r="E43" s="194"/>
      <c r="F43" s="194"/>
      <c r="G43" s="194"/>
      <c r="H43" s="195"/>
      <c r="I43" s="71"/>
      <c r="J43" s="72"/>
      <c r="K43" s="67">
        <v>6167.4283459959752</v>
      </c>
      <c r="L43" s="68">
        <v>4630.6279578330841</v>
      </c>
      <c r="M43" s="68">
        <v>1896.8426312047197</v>
      </c>
      <c r="N43" s="68">
        <v>2442.1765312572779</v>
      </c>
      <c r="O43" s="68">
        <v>6057.1769194086792</v>
      </c>
      <c r="P43" s="68">
        <v>8607.5068806915788</v>
      </c>
      <c r="Q43" s="68">
        <v>5354.9306196685375</v>
      </c>
      <c r="R43" s="68">
        <v>4601.499022227119</v>
      </c>
      <c r="S43" s="68">
        <v>3043.5601237740275</v>
      </c>
      <c r="T43" s="68">
        <v>919.88328470195916</v>
      </c>
      <c r="U43" s="88">
        <v>4372.1632316762962</v>
      </c>
      <c r="V43" s="4" ph="1"/>
    </row>
    <row r="44" spans="1:22" ht="10" customHeight="1" x14ac:dyDescent="0.15">
      <c r="A44" s="198"/>
      <c r="B44" s="194" t="s">
        <v>240</v>
      </c>
      <c r="C44" s="194"/>
      <c r="D44" s="194"/>
      <c r="E44" s="194"/>
      <c r="F44" s="194"/>
      <c r="G44" s="194"/>
      <c r="H44" s="195"/>
      <c r="I44" s="65"/>
      <c r="J44" s="66"/>
      <c r="K44" s="69">
        <v>63.328479551126662</v>
      </c>
      <c r="L44" s="70">
        <v>55.610047811842378</v>
      </c>
      <c r="M44" s="70">
        <v>63.900468061621865</v>
      </c>
      <c r="N44" s="70">
        <v>75.424576125016301</v>
      </c>
      <c r="O44" s="70">
        <v>65.668713362949376</v>
      </c>
      <c r="P44" s="70">
        <v>52.566046449730706</v>
      </c>
      <c r="Q44" s="70">
        <v>55.560091882425525</v>
      </c>
      <c r="R44" s="70">
        <v>67.715133525288735</v>
      </c>
      <c r="S44" s="70">
        <v>74.596743825802534</v>
      </c>
      <c r="T44" s="70">
        <v>81.43435894720119</v>
      </c>
      <c r="U44" s="87">
        <v>60.663647199852505</v>
      </c>
      <c r="V44" s="4" ph="1"/>
    </row>
    <row r="45" spans="1:22" ht="10" customHeight="1" x14ac:dyDescent="0.15">
      <c r="A45" s="206" t="s">
        <v>241</v>
      </c>
      <c r="B45" s="196"/>
      <c r="C45" s="196"/>
      <c r="D45" s="196"/>
      <c r="E45" s="196"/>
      <c r="F45" s="196"/>
      <c r="G45" s="196"/>
      <c r="H45" s="197"/>
      <c r="I45" s="65"/>
      <c r="J45" s="66"/>
      <c r="K45" s="69">
        <v>229.51334379905811</v>
      </c>
      <c r="L45" s="70">
        <v>201.37254901960785</v>
      </c>
      <c r="M45" s="70">
        <v>140</v>
      </c>
      <c r="N45" s="70">
        <v>410.20408163265307</v>
      </c>
      <c r="O45" s="70">
        <v>215.78947368421052</v>
      </c>
      <c r="P45" s="70">
        <v>225.89531680440774</v>
      </c>
      <c r="Q45" s="70">
        <v>206.05263157894734</v>
      </c>
      <c r="R45" s="70">
        <v>186.07068607068607</v>
      </c>
      <c r="S45" s="70">
        <v>203.07692307692307</v>
      </c>
      <c r="T45" s="70">
        <v>129.47368421052633</v>
      </c>
      <c r="U45" s="87">
        <v>207.08980418636057</v>
      </c>
      <c r="V45" s="4" ph="1"/>
    </row>
    <row r="46" spans="1:22" ht="10" customHeight="1" x14ac:dyDescent="0.15">
      <c r="A46" s="7"/>
      <c r="B46" s="196" t="s">
        <v>171</v>
      </c>
      <c r="C46" s="196"/>
      <c r="D46" s="196"/>
      <c r="E46" s="196"/>
      <c r="F46" s="196"/>
      <c r="G46" s="196"/>
      <c r="H46" s="197"/>
      <c r="I46" s="65"/>
      <c r="J46" s="66"/>
      <c r="K46" s="69">
        <v>32.967032967032964</v>
      </c>
      <c r="L46" s="70">
        <v>29.411764705882355</v>
      </c>
      <c r="M46" s="70">
        <v>10.909090909090908</v>
      </c>
      <c r="N46" s="70">
        <v>146.9387755102041</v>
      </c>
      <c r="O46" s="70">
        <v>49.34210526315789</v>
      </c>
      <c r="P46" s="70">
        <v>62.809917355371901</v>
      </c>
      <c r="Q46" s="70">
        <v>48.947368421052637</v>
      </c>
      <c r="R46" s="70">
        <v>42.203742203742209</v>
      </c>
      <c r="S46" s="70">
        <v>53.07692307692308</v>
      </c>
      <c r="T46" s="70">
        <v>6.3157894736842106</v>
      </c>
      <c r="U46" s="87">
        <v>41.087103308575287</v>
      </c>
      <c r="V46" s="4" ph="1"/>
    </row>
    <row r="47" spans="1:22" ht="10" customHeight="1" x14ac:dyDescent="0.15">
      <c r="A47" s="7"/>
      <c r="B47" s="196" t="s">
        <v>216</v>
      </c>
      <c r="C47" s="196"/>
      <c r="D47" s="196"/>
      <c r="E47" s="196"/>
      <c r="F47" s="196"/>
      <c r="G47" s="196"/>
      <c r="H47" s="197"/>
      <c r="I47" s="65"/>
      <c r="J47" s="66"/>
      <c r="K47" s="69">
        <v>141.13029827315543</v>
      </c>
      <c r="L47" s="70">
        <v>108.4313725490196</v>
      </c>
      <c r="M47" s="70">
        <v>80.606060606060609</v>
      </c>
      <c r="N47" s="70">
        <v>130.61224489795919</v>
      </c>
      <c r="O47" s="70">
        <v>94.078947368421055</v>
      </c>
      <c r="P47" s="70">
        <v>105.50964187327823</v>
      </c>
      <c r="Q47" s="70">
        <v>110.26315789473684</v>
      </c>
      <c r="R47" s="70">
        <v>94.386694386694387</v>
      </c>
      <c r="S47" s="70">
        <v>99.230769230769226</v>
      </c>
      <c r="T47" s="70">
        <v>86.31578947368422</v>
      </c>
      <c r="U47" s="87">
        <v>110.02700877785281</v>
      </c>
      <c r="V47" s="4" ph="1"/>
    </row>
    <row r="48" spans="1:22" ht="10" customHeight="1" x14ac:dyDescent="0.15">
      <c r="A48" s="7"/>
      <c r="B48" s="196" t="s">
        <v>217</v>
      </c>
      <c r="C48" s="196"/>
      <c r="D48" s="196"/>
      <c r="E48" s="196"/>
      <c r="F48" s="196"/>
      <c r="G48" s="196"/>
      <c r="H48" s="197"/>
      <c r="I48" s="65"/>
      <c r="J48" s="66"/>
      <c r="K48" s="69">
        <v>5.6514913657770807</v>
      </c>
      <c r="L48" s="70">
        <v>5.6862745098039218</v>
      </c>
      <c r="M48" s="70">
        <v>4.8484848484848486</v>
      </c>
      <c r="N48" s="70">
        <v>6.1224489795918364</v>
      </c>
      <c r="O48" s="70">
        <v>6.5789473684210522</v>
      </c>
      <c r="P48" s="70">
        <v>4.9586776859504136</v>
      </c>
      <c r="Q48" s="70">
        <v>5.7894736842105265</v>
      </c>
      <c r="R48" s="70">
        <v>6.6528066528066532</v>
      </c>
      <c r="S48" s="70">
        <v>6.1538461538461542</v>
      </c>
      <c r="T48" s="70">
        <v>2.1052631578947367</v>
      </c>
      <c r="U48" s="87">
        <v>5.6718433490884541</v>
      </c>
      <c r="V48" s="4" ph="1"/>
    </row>
    <row r="49" spans="1:22" ht="10" customHeight="1" x14ac:dyDescent="0.15">
      <c r="A49" s="7"/>
      <c r="B49" s="196" t="s">
        <v>218</v>
      </c>
      <c r="C49" s="196"/>
      <c r="D49" s="196"/>
      <c r="E49" s="196"/>
      <c r="F49" s="196"/>
      <c r="G49" s="196"/>
      <c r="H49" s="197"/>
      <c r="I49" s="65"/>
      <c r="J49" s="66"/>
      <c r="K49" s="69">
        <v>22.605965463108323</v>
      </c>
      <c r="L49" s="70">
        <v>27.647058823529413</v>
      </c>
      <c r="M49" s="70">
        <v>14.545454545454545</v>
      </c>
      <c r="N49" s="70">
        <v>63.265306122448983</v>
      </c>
      <c r="O49" s="70">
        <v>31.578947368421051</v>
      </c>
      <c r="P49" s="70">
        <v>19.834710743801654</v>
      </c>
      <c r="Q49" s="70">
        <v>17.105263157894736</v>
      </c>
      <c r="R49" s="70">
        <v>16.008316008316008</v>
      </c>
      <c r="S49" s="70">
        <v>21.53846153846154</v>
      </c>
      <c r="T49" s="70">
        <v>18.947368421052634</v>
      </c>
      <c r="U49" s="87">
        <v>21.877110060769748</v>
      </c>
      <c r="V49" s="4" ph="1"/>
    </row>
    <row r="50" spans="1:22" ht="10" customHeight="1" x14ac:dyDescent="0.15">
      <c r="A50" s="7"/>
      <c r="B50" s="196" t="s">
        <v>219</v>
      </c>
      <c r="C50" s="196"/>
      <c r="D50" s="196"/>
      <c r="E50" s="196"/>
      <c r="F50" s="196"/>
      <c r="G50" s="196"/>
      <c r="H50" s="197"/>
      <c r="I50" s="65"/>
      <c r="J50" s="66"/>
      <c r="K50" s="69">
        <v>1.5698587127158554</v>
      </c>
      <c r="L50" s="70">
        <v>1.9607843137254901</v>
      </c>
      <c r="M50" s="70">
        <v>1.8181818181818181</v>
      </c>
      <c r="N50" s="70">
        <v>4.0816326530612246</v>
      </c>
      <c r="O50" s="70">
        <v>1.9736842105263157</v>
      </c>
      <c r="P50" s="70">
        <v>1.1019283746556474</v>
      </c>
      <c r="Q50" s="70">
        <v>1.3157894736842104</v>
      </c>
      <c r="R50" s="70">
        <v>6.4449064449064455</v>
      </c>
      <c r="S50" s="70">
        <v>2.3076923076923079</v>
      </c>
      <c r="T50" s="70">
        <v>2.1052631578947367</v>
      </c>
      <c r="U50" s="87">
        <v>2.4645509790681972</v>
      </c>
      <c r="V50" s="4" ph="1"/>
    </row>
    <row r="51" spans="1:22" ht="10" customHeight="1" x14ac:dyDescent="0.15">
      <c r="A51" s="7"/>
      <c r="B51" s="196" t="s">
        <v>220</v>
      </c>
      <c r="C51" s="196"/>
      <c r="D51" s="196"/>
      <c r="E51" s="196"/>
      <c r="F51" s="196"/>
      <c r="G51" s="196"/>
      <c r="H51" s="197"/>
      <c r="I51" s="65"/>
      <c r="J51" s="66"/>
      <c r="K51" s="69">
        <v>6.7503924646781783</v>
      </c>
      <c r="L51" s="70">
        <v>5.2941176470588234</v>
      </c>
      <c r="M51" s="70">
        <v>3.6363636363636362</v>
      </c>
      <c r="N51" s="70">
        <v>14.285714285714285</v>
      </c>
      <c r="O51" s="70">
        <v>8.5526315789473681</v>
      </c>
      <c r="P51" s="70">
        <v>6.6115702479338845</v>
      </c>
      <c r="Q51" s="70">
        <v>5</v>
      </c>
      <c r="R51" s="70">
        <v>5.4054054054054053</v>
      </c>
      <c r="S51" s="70">
        <v>5.384615384615385</v>
      </c>
      <c r="T51" s="70">
        <v>3.1578947368421053</v>
      </c>
      <c r="U51" s="87">
        <v>5.9081701553004722</v>
      </c>
      <c r="V51" s="4" ph="1"/>
    </row>
    <row r="52" spans="1:22" ht="10" customHeight="1" x14ac:dyDescent="0.15">
      <c r="A52" s="7"/>
      <c r="B52" s="196" t="s">
        <v>242</v>
      </c>
      <c r="C52" s="196"/>
      <c r="D52" s="196"/>
      <c r="E52" s="196"/>
      <c r="F52" s="196"/>
      <c r="G52" s="196"/>
      <c r="H52" s="197"/>
      <c r="I52" s="65"/>
      <c r="J52" s="66"/>
      <c r="K52" s="69">
        <v>7.5353218210361064</v>
      </c>
      <c r="L52" s="70">
        <v>10</v>
      </c>
      <c r="M52" s="70">
        <v>5.4545454545454541</v>
      </c>
      <c r="N52" s="70">
        <v>32.653061224489797</v>
      </c>
      <c r="O52" s="70">
        <v>7.8947368421052628</v>
      </c>
      <c r="P52" s="70">
        <v>9.0909090909090917</v>
      </c>
      <c r="Q52" s="70">
        <v>7.1052631578947363</v>
      </c>
      <c r="R52" s="70">
        <v>7.0686070686070686</v>
      </c>
      <c r="S52" s="70">
        <v>7.6923076923076925</v>
      </c>
      <c r="T52" s="70">
        <v>4.2105263157894735</v>
      </c>
      <c r="U52" s="87">
        <v>8.2376772451046598</v>
      </c>
      <c r="V52" s="4" ph="1"/>
    </row>
    <row r="53" spans="1:22" ht="10" customHeight="1" x14ac:dyDescent="0.15">
      <c r="A53" s="73"/>
      <c r="B53" s="196" t="s">
        <v>24</v>
      </c>
      <c r="C53" s="196"/>
      <c r="D53" s="196"/>
      <c r="E53" s="196"/>
      <c r="F53" s="196"/>
      <c r="G53" s="196"/>
      <c r="H53" s="197"/>
      <c r="I53" s="65"/>
      <c r="J53" s="65"/>
      <c r="K53" s="69">
        <v>11.302982731554161</v>
      </c>
      <c r="L53" s="70">
        <v>12.941176470588237</v>
      </c>
      <c r="M53" s="70">
        <v>18.181818181818183</v>
      </c>
      <c r="N53" s="70">
        <v>12.244897959183673</v>
      </c>
      <c r="O53" s="70">
        <v>15.789473684210526</v>
      </c>
      <c r="P53" s="70">
        <v>15.977961432506888</v>
      </c>
      <c r="Q53" s="70">
        <v>10.526315789473683</v>
      </c>
      <c r="R53" s="70">
        <v>7.9002079002079011</v>
      </c>
      <c r="S53" s="70">
        <v>7.6923076923076925</v>
      </c>
      <c r="T53" s="70">
        <v>6.3157894736842106</v>
      </c>
      <c r="U53" s="87">
        <v>11.816340310600944</v>
      </c>
      <c r="V53" s="4" ph="1"/>
    </row>
    <row r="54" spans="1:22" ht="10" customHeight="1" x14ac:dyDescent="0.15">
      <c r="A54" s="200" t="s">
        <v>270</v>
      </c>
      <c r="B54" s="173"/>
      <c r="C54" s="174"/>
      <c r="D54" s="199" t="s">
        <v>221</v>
      </c>
      <c r="E54" s="196"/>
      <c r="F54" s="196"/>
      <c r="G54" s="196"/>
      <c r="H54" s="197"/>
      <c r="I54" s="75"/>
      <c r="J54" s="75"/>
      <c r="K54" s="69">
        <v>85.763468112304238</v>
      </c>
      <c r="L54" s="70">
        <v>96.31672914010727</v>
      </c>
      <c r="M54" s="70">
        <v>95.726318507419478</v>
      </c>
      <c r="N54" s="70">
        <v>96.925805513539075</v>
      </c>
      <c r="O54" s="70">
        <v>82.556658517017183</v>
      </c>
      <c r="P54" s="70">
        <v>93.911582007708475</v>
      </c>
      <c r="Q54" s="70">
        <v>91.476115856370683</v>
      </c>
      <c r="R54" s="70">
        <v>89.973754201492667</v>
      </c>
      <c r="S54" s="70">
        <v>89.566186187252541</v>
      </c>
      <c r="T54" s="70">
        <v>96.800060798347658</v>
      </c>
      <c r="U54" s="87">
        <v>90.768181745072809</v>
      </c>
      <c r="V54" s="4" ph="1"/>
    </row>
    <row r="55" spans="1:22" ht="10" customHeight="1" x14ac:dyDescent="0.15">
      <c r="A55" s="201"/>
      <c r="B55" s="176"/>
      <c r="C55" s="177"/>
      <c r="D55" s="199" t="s">
        <v>222</v>
      </c>
      <c r="E55" s="196"/>
      <c r="F55" s="196"/>
      <c r="G55" s="196"/>
      <c r="H55" s="197"/>
      <c r="I55" s="76"/>
      <c r="J55" s="77"/>
      <c r="K55" s="69">
        <v>85.845821117603265</v>
      </c>
      <c r="L55" s="70">
        <v>96.229887434878393</v>
      </c>
      <c r="M55" s="70">
        <v>95.726630591767019</v>
      </c>
      <c r="N55" s="70">
        <v>97.235901125135385</v>
      </c>
      <c r="O55" s="70">
        <v>82.553993837774328</v>
      </c>
      <c r="P55" s="70">
        <v>93.453449931855431</v>
      </c>
      <c r="Q55" s="70">
        <v>91.436877344798617</v>
      </c>
      <c r="R55" s="70">
        <v>88.660981630574369</v>
      </c>
      <c r="S55" s="70">
        <v>88.754388480263103</v>
      </c>
      <c r="T55" s="70">
        <v>96.801160863886153</v>
      </c>
      <c r="U55" s="87">
        <v>90.529169213026236</v>
      </c>
      <c r="V55" s="4" ph="1"/>
    </row>
    <row r="56" spans="1:22" ht="10" customHeight="1" x14ac:dyDescent="0.2">
      <c r="A56" s="201"/>
      <c r="B56" s="176"/>
      <c r="C56" s="177"/>
      <c r="D56" s="199" t="s">
        <v>224</v>
      </c>
      <c r="E56" s="196"/>
      <c r="F56" s="196"/>
      <c r="G56" s="196"/>
      <c r="H56" s="197"/>
      <c r="I56" s="76"/>
      <c r="J56" s="77"/>
      <c r="K56" s="69">
        <v>33.933574998741406</v>
      </c>
      <c r="L56" s="70">
        <v>18.890374672896478</v>
      </c>
      <c r="M56" s="70">
        <v>17.43767227504766</v>
      </c>
      <c r="N56" s="70">
        <v>0</v>
      </c>
      <c r="O56" s="70">
        <v>95.960925734739945</v>
      </c>
      <c r="P56" s="70">
        <v>0</v>
      </c>
      <c r="Q56" s="70">
        <v>15.903878408164035</v>
      </c>
      <c r="R56" s="70">
        <v>28.472259716085592</v>
      </c>
      <c r="S56" s="70">
        <v>78.592125217711157</v>
      </c>
      <c r="T56" s="70">
        <v>182.96656740495115</v>
      </c>
      <c r="U56" s="87">
        <v>27.849979279301941</v>
      </c>
    </row>
    <row r="57" spans="1:22" ht="10" customHeight="1" x14ac:dyDescent="0.2">
      <c r="A57" s="201"/>
      <c r="B57" s="176"/>
      <c r="C57" s="177"/>
      <c r="D57" s="199" t="s">
        <v>223</v>
      </c>
      <c r="E57" s="196"/>
      <c r="F57" s="196"/>
      <c r="G57" s="196"/>
      <c r="H57" s="197"/>
      <c r="I57" s="76"/>
      <c r="J57" s="77"/>
      <c r="K57" s="69">
        <v>78.235892439000381</v>
      </c>
      <c r="L57" s="70">
        <v>86.997935502316537</v>
      </c>
      <c r="M57" s="70">
        <v>88.982562695594581</v>
      </c>
      <c r="N57" s="70">
        <v>77.058473295145717</v>
      </c>
      <c r="O57" s="70">
        <v>76.955674314345643</v>
      </c>
      <c r="P57" s="70">
        <v>88.988240730469698</v>
      </c>
      <c r="Q57" s="70">
        <v>86.311576701893785</v>
      </c>
      <c r="R57" s="70">
        <v>79.7190651850281</v>
      </c>
      <c r="S57" s="70">
        <v>82.577648595304268</v>
      </c>
      <c r="T57" s="70">
        <v>72.194450551026065</v>
      </c>
      <c r="U57" s="87">
        <v>82.849965722657146</v>
      </c>
    </row>
    <row r="58" spans="1:22" ht="10" customHeight="1" x14ac:dyDescent="0.2">
      <c r="A58" s="201"/>
      <c r="B58" s="176"/>
      <c r="C58" s="177"/>
      <c r="D58" s="199" t="s">
        <v>268</v>
      </c>
      <c r="E58" s="196"/>
      <c r="F58" s="196"/>
      <c r="G58" s="196"/>
      <c r="H58" s="197"/>
      <c r="K58" s="69">
        <v>104.94071984391233</v>
      </c>
      <c r="L58" s="70">
        <v>186.1730599322633</v>
      </c>
      <c r="M58" s="70">
        <v>811.77020084072865</v>
      </c>
      <c r="N58" s="70">
        <v>363.29804093062819</v>
      </c>
      <c r="O58" s="70">
        <v>241.6629317507101</v>
      </c>
      <c r="P58" s="70">
        <v>121.41565397388906</v>
      </c>
      <c r="Q58" s="70">
        <v>121.35323868289602</v>
      </c>
      <c r="R58" s="70">
        <v>44.950911868397753</v>
      </c>
      <c r="S58" s="70">
        <v>139.95683255575574</v>
      </c>
      <c r="T58" s="70">
        <v>71.313454120598266</v>
      </c>
      <c r="U58" s="87">
        <v>131.05419600306675</v>
      </c>
    </row>
    <row r="59" spans="1:22" ht="10" customHeight="1" x14ac:dyDescent="0.15">
      <c r="A59" s="201"/>
      <c r="B59" s="176"/>
      <c r="C59" s="177"/>
      <c r="D59" s="199" t="s">
        <v>269</v>
      </c>
      <c r="E59" s="196"/>
      <c r="F59" s="196"/>
      <c r="G59" s="196"/>
      <c r="H59" s="197"/>
      <c r="K59" s="69">
        <v>136.96147823240653</v>
      </c>
      <c r="L59" s="70">
        <v>3.9285953222520646</v>
      </c>
      <c r="M59" s="70">
        <v>8.376638528700429</v>
      </c>
      <c r="N59" s="70">
        <v>6.3975554020536478</v>
      </c>
      <c r="O59" s="70">
        <v>109.03709211887538</v>
      </c>
      <c r="P59" s="70">
        <v>79.535549048758455</v>
      </c>
      <c r="Q59" s="70">
        <v>42.785121198296707</v>
      </c>
      <c r="R59" s="70">
        <v>21.71383605820834</v>
      </c>
      <c r="S59" s="70">
        <v>5.3756351321503439</v>
      </c>
      <c r="T59" s="70">
        <v>83.382468908304986</v>
      </c>
      <c r="U59" s="87">
        <v>63.279197705777612</v>
      </c>
      <c r="V59" s="4" ph="1"/>
    </row>
    <row r="60" spans="1:22" ht="10" customHeight="1" x14ac:dyDescent="0.15">
      <c r="A60" s="201"/>
      <c r="B60" s="176"/>
      <c r="C60" s="177"/>
      <c r="D60" s="192" t="s">
        <v>225</v>
      </c>
      <c r="E60" s="170"/>
      <c r="F60" s="170"/>
      <c r="G60" s="170"/>
      <c r="H60" s="171"/>
      <c r="I60" s="65"/>
      <c r="J60" s="66"/>
      <c r="K60" s="69">
        <v>81.812864239478728</v>
      </c>
      <c r="L60" s="70">
        <v>76.294386247649754</v>
      </c>
      <c r="M60" s="70">
        <v>55.74097135740972</v>
      </c>
      <c r="N60" s="70">
        <v>68.207995526977911</v>
      </c>
      <c r="O60" s="70">
        <v>55.933669790915644</v>
      </c>
      <c r="P60" s="70">
        <v>77.431601192497837</v>
      </c>
      <c r="Q60" s="70">
        <v>71.442682047584711</v>
      </c>
      <c r="R60" s="70">
        <v>63.461396064135791</v>
      </c>
      <c r="S60" s="70">
        <v>59.896733403582715</v>
      </c>
      <c r="T60" s="70">
        <v>44.648882480173036</v>
      </c>
      <c r="U60" s="87">
        <v>70.855956267978868</v>
      </c>
      <c r="V60" s="4" ph="1"/>
    </row>
    <row r="61" spans="1:22" ht="10" customHeight="1" x14ac:dyDescent="0.15">
      <c r="A61" s="201"/>
      <c r="B61" s="176"/>
      <c r="C61" s="177"/>
      <c r="E61" s="169" t="s">
        <v>208</v>
      </c>
      <c r="F61" s="170"/>
      <c r="G61" s="170"/>
      <c r="H61" s="171"/>
      <c r="I61" s="65"/>
      <c r="J61" s="66"/>
      <c r="K61" s="69">
        <v>85.002730229576699</v>
      </c>
      <c r="L61" s="70">
        <v>76.294386247649754</v>
      </c>
      <c r="M61" s="70">
        <v>55.74097135740972</v>
      </c>
      <c r="N61" s="70">
        <v>68.207995526977911</v>
      </c>
      <c r="O61" s="70">
        <v>58.232313754925883</v>
      </c>
      <c r="P61" s="70">
        <v>77.478085986415209</v>
      </c>
      <c r="Q61" s="70">
        <v>71.442682047584711</v>
      </c>
      <c r="R61" s="70">
        <v>63.461396064135791</v>
      </c>
      <c r="S61" s="70">
        <v>59.896733403582715</v>
      </c>
      <c r="T61" s="70">
        <v>44.648882480173036</v>
      </c>
      <c r="U61" s="87">
        <v>71.412937489941399</v>
      </c>
      <c r="V61" s="4" ph="1"/>
    </row>
    <row r="62" spans="1:22" ht="10" customHeight="1" x14ac:dyDescent="0.15">
      <c r="A62" s="201"/>
      <c r="B62" s="176"/>
      <c r="C62" s="177"/>
      <c r="E62" s="169" t="s">
        <v>209</v>
      </c>
      <c r="F62" s="170"/>
      <c r="G62" s="170"/>
      <c r="H62" s="171"/>
      <c r="I62" s="65"/>
      <c r="J62" s="65"/>
      <c r="K62" s="78" t="s">
        <v>33</v>
      </c>
      <c r="L62" s="70" t="s">
        <v>33</v>
      </c>
      <c r="M62" s="70" t="s">
        <v>33</v>
      </c>
      <c r="N62" s="70" t="s">
        <v>33</v>
      </c>
      <c r="O62" s="70" t="s">
        <v>33</v>
      </c>
      <c r="P62" s="70" t="s">
        <v>33</v>
      </c>
      <c r="Q62" s="70" t="s">
        <v>33</v>
      </c>
      <c r="R62" s="70" t="s">
        <v>33</v>
      </c>
      <c r="S62" s="70" t="s">
        <v>33</v>
      </c>
      <c r="T62" s="70" t="s">
        <v>33</v>
      </c>
      <c r="U62" s="87" t="s">
        <v>33</v>
      </c>
      <c r="V62" s="4" ph="1"/>
    </row>
    <row r="63" spans="1:22" ht="10" customHeight="1" x14ac:dyDescent="0.15">
      <c r="A63" s="201"/>
      <c r="B63" s="176"/>
      <c r="C63" s="177"/>
      <c r="E63" s="169" t="s">
        <v>210</v>
      </c>
      <c r="F63" s="170"/>
      <c r="G63" s="170"/>
      <c r="H63" s="171"/>
      <c r="I63" s="65"/>
      <c r="J63" s="65"/>
      <c r="K63" s="78">
        <v>32.986301369863014</v>
      </c>
      <c r="L63" s="70" t="s">
        <v>33</v>
      </c>
      <c r="M63" s="70" t="s">
        <v>33</v>
      </c>
      <c r="N63" s="70" t="s">
        <v>33</v>
      </c>
      <c r="O63" s="70" t="s">
        <v>33</v>
      </c>
      <c r="P63" s="70" t="s">
        <v>33</v>
      </c>
      <c r="Q63" s="70" t="s">
        <v>33</v>
      </c>
      <c r="R63" s="70" t="s">
        <v>33</v>
      </c>
      <c r="S63" s="70" t="s">
        <v>33</v>
      </c>
      <c r="T63" s="70" t="s">
        <v>33</v>
      </c>
      <c r="U63" s="87">
        <v>32.986301369863014</v>
      </c>
      <c r="V63" s="4" ph="1"/>
    </row>
    <row r="64" spans="1:22" ht="10" customHeight="1" x14ac:dyDescent="0.15">
      <c r="A64" s="201"/>
      <c r="B64" s="176"/>
      <c r="C64" s="177"/>
      <c r="D64" s="79"/>
      <c r="E64" s="169" t="s">
        <v>226</v>
      </c>
      <c r="F64" s="170"/>
      <c r="G64" s="170"/>
      <c r="H64" s="171"/>
      <c r="I64" s="65"/>
      <c r="J64" s="65"/>
      <c r="K64" s="69">
        <v>54.027397260273972</v>
      </c>
      <c r="L64" s="70" t="s">
        <v>33</v>
      </c>
      <c r="M64" s="70" t="s">
        <v>33</v>
      </c>
      <c r="N64" s="70" t="s">
        <v>33</v>
      </c>
      <c r="O64" s="70">
        <v>0</v>
      </c>
      <c r="P64" s="70">
        <v>69.041095890410958</v>
      </c>
      <c r="Q64" s="70" t="s">
        <v>33</v>
      </c>
      <c r="R64" s="70" t="s">
        <v>33</v>
      </c>
      <c r="S64" s="70" t="s">
        <v>33</v>
      </c>
      <c r="T64" s="70" t="s">
        <v>33</v>
      </c>
      <c r="U64" s="87">
        <v>37.686453576864537</v>
      </c>
      <c r="V64" s="4" ph="1"/>
    </row>
    <row r="65" spans="1:22" ht="10" customHeight="1" x14ac:dyDescent="0.2">
      <c r="A65" s="202"/>
      <c r="B65" s="203"/>
      <c r="C65" s="204"/>
      <c r="D65" s="205" t="s">
        <v>271</v>
      </c>
      <c r="E65" s="205"/>
      <c r="F65" s="205"/>
      <c r="G65" s="205"/>
      <c r="H65" s="205"/>
      <c r="I65" s="80"/>
      <c r="J65" s="80"/>
      <c r="K65" s="81">
        <v>37.56360308307535</v>
      </c>
      <c r="L65" s="82">
        <v>68.496208435042703</v>
      </c>
      <c r="M65" s="82">
        <v>72.530003241102719</v>
      </c>
      <c r="N65" s="82">
        <v>84.116669864454281</v>
      </c>
      <c r="O65" s="82">
        <v>61.141643010095592</v>
      </c>
      <c r="P65" s="82">
        <v>37.415691673874704</v>
      </c>
      <c r="Q65" s="82">
        <v>65.838123341246487</v>
      </c>
      <c r="R65" s="82">
        <v>73.462762624914419</v>
      </c>
      <c r="S65" s="82">
        <v>75.214545856288311</v>
      </c>
      <c r="T65" s="82">
        <v>77.814698963684677</v>
      </c>
      <c r="U65" s="89">
        <v>57.543555163469449</v>
      </c>
    </row>
    <row r="66" spans="1:22" ht="10" customHeight="1" x14ac:dyDescent="0.15">
      <c r="V66" s="4" ph="1"/>
    </row>
    <row r="67" spans="1:22" ht="10" customHeight="1" x14ac:dyDescent="0.15">
      <c r="V67" s="4" ph="1"/>
    </row>
    <row r="68" spans="1:22" ht="10" customHeight="1" x14ac:dyDescent="0.15">
      <c r="V68" s="4" ph="1"/>
    </row>
    <row r="69" spans="1:22" ht="10" customHeight="1" x14ac:dyDescent="0.15">
      <c r="V69" s="4" ph="1"/>
    </row>
    <row r="70" spans="1:22" ht="10" customHeight="1" x14ac:dyDescent="0.15">
      <c r="V70" s="4" ph="1"/>
    </row>
    <row r="71" spans="1:22" ht="10" customHeight="1" x14ac:dyDescent="0.15">
      <c r="V71" s="4" ph="1"/>
    </row>
  </sheetData>
  <mergeCells count="71">
    <mergeCell ref="B31:H31"/>
    <mergeCell ref="A54:C65"/>
    <mergeCell ref="D65:H65"/>
    <mergeCell ref="D58:H58"/>
    <mergeCell ref="D59:H59"/>
    <mergeCell ref="D60:H60"/>
    <mergeCell ref="E61:H61"/>
    <mergeCell ref="E62:H62"/>
    <mergeCell ref="B47:H47"/>
    <mergeCell ref="B46:H46"/>
    <mergeCell ref="A45:H45"/>
    <mergeCell ref="E64:H64"/>
    <mergeCell ref="A32:A38"/>
    <mergeCell ref="B38:H38"/>
    <mergeCell ref="B37:H37"/>
    <mergeCell ref="B35:H35"/>
    <mergeCell ref="B34:H34"/>
    <mergeCell ref="B33:H33"/>
    <mergeCell ref="B32:H32"/>
    <mergeCell ref="E63:H63"/>
    <mergeCell ref="D57:H57"/>
    <mergeCell ref="D55:H55"/>
    <mergeCell ref="D54:H54"/>
    <mergeCell ref="D56:H56"/>
    <mergeCell ref="B36:H36"/>
    <mergeCell ref="A29:H29"/>
    <mergeCell ref="B30:H30"/>
    <mergeCell ref="B42:H42"/>
    <mergeCell ref="B53:H53"/>
    <mergeCell ref="B52:H52"/>
    <mergeCell ref="B51:H51"/>
    <mergeCell ref="B50:H50"/>
    <mergeCell ref="B49:H49"/>
    <mergeCell ref="B44:H44"/>
    <mergeCell ref="B43:H43"/>
    <mergeCell ref="A39:A40"/>
    <mergeCell ref="A41:A44"/>
    <mergeCell ref="B41:H41"/>
    <mergeCell ref="B40:H40"/>
    <mergeCell ref="B39:H39"/>
    <mergeCell ref="B48:H48"/>
    <mergeCell ref="A25:A28"/>
    <mergeCell ref="B25:H25"/>
    <mergeCell ref="B26:H26"/>
    <mergeCell ref="A3:H3"/>
    <mergeCell ref="A4:H4"/>
    <mergeCell ref="A5:H5"/>
    <mergeCell ref="A6:H6"/>
    <mergeCell ref="F17:H17"/>
    <mergeCell ref="F18:F21"/>
    <mergeCell ref="G18:G19"/>
    <mergeCell ref="G20:G21"/>
    <mergeCell ref="F22:H22"/>
    <mergeCell ref="B27:H27"/>
    <mergeCell ref="B28:H28"/>
    <mergeCell ref="A1:H2"/>
    <mergeCell ref="A7:A24"/>
    <mergeCell ref="B7:H7"/>
    <mergeCell ref="C8:H8"/>
    <mergeCell ref="C9:H9"/>
    <mergeCell ref="C10:H10"/>
    <mergeCell ref="C11:H11"/>
    <mergeCell ref="C12:H12"/>
    <mergeCell ref="B13:H13"/>
    <mergeCell ref="C14:H14"/>
    <mergeCell ref="C15:H15"/>
    <mergeCell ref="C16:H16"/>
    <mergeCell ref="B17:E21"/>
    <mergeCell ref="F23:H23"/>
    <mergeCell ref="B22:E24"/>
    <mergeCell ref="F24:H24"/>
  </mergeCells>
  <phoneticPr fontId="4"/>
  <conditionalFormatting sqref="K32:K39">
    <cfRule type="cellIs" dxfId="25" priority="125" stopIfTrue="1" operator="equal">
      <formula>0</formula>
    </cfRule>
  </conditionalFormatting>
  <conditionalFormatting sqref="K58:K65">
    <cfRule type="cellIs" dxfId="24" priority="4" stopIfTrue="1" operator="equal">
      <formula>0</formula>
    </cfRule>
  </conditionalFormatting>
  <conditionalFormatting sqref="K3:T4">
    <cfRule type="cellIs" dxfId="23" priority="149" stopIfTrue="1" operator="equal">
      <formula>0</formula>
    </cfRule>
  </conditionalFormatting>
  <conditionalFormatting sqref="K7:T21 K23:T31">
    <cfRule type="cellIs" dxfId="22" priority="158" stopIfTrue="1" operator="equal">
      <formula>0</formula>
    </cfRule>
  </conditionalFormatting>
  <conditionalFormatting sqref="K38:T38 K61:T62 M62:U62">
    <cfRule type="cellIs" dxfId="21" priority="127" stopIfTrue="1" operator="equal">
      <formula>0</formula>
    </cfRule>
  </conditionalFormatting>
  <conditionalFormatting sqref="K40:T57">
    <cfRule type="cellIs" dxfId="20" priority="50" stopIfTrue="1" operator="equal">
      <formula>0</formula>
    </cfRule>
  </conditionalFormatting>
  <conditionalFormatting sqref="K63:U64">
    <cfRule type="cellIs" dxfId="19" priority="136" stopIfTrue="1" operator="equal">
      <formula>0</formula>
    </cfRule>
  </conditionalFormatting>
  <conditionalFormatting sqref="L32:T37">
    <cfRule type="cellIs" dxfId="18" priority="62" stopIfTrue="1" operator="equal">
      <formula>0</formula>
    </cfRule>
  </conditionalFormatting>
  <conditionalFormatting sqref="L39:T39">
    <cfRule type="cellIs" dxfId="17" priority="61" stopIfTrue="1" operator="equal">
      <formula>0</formula>
    </cfRule>
  </conditionalFormatting>
  <conditionalFormatting sqref="L60:T60">
    <cfRule type="cellIs" dxfId="16" priority="68" stopIfTrue="1" operator="equal">
      <formula>0</formula>
    </cfRule>
  </conditionalFormatting>
  <conditionalFormatting sqref="L58:U59">
    <cfRule type="cellIs" dxfId="15" priority="5" stopIfTrue="1" operator="equal">
      <formula>0</formula>
    </cfRule>
  </conditionalFormatting>
  <conditionalFormatting sqref="L62:U65">
    <cfRule type="cellIs" dxfId="14" priority="3" stopIfTrue="1" operator="equal">
      <formula>0</formula>
    </cfRule>
  </conditionalFormatting>
  <conditionalFormatting sqref="U1:U31 U39:U43 U66:U1048576">
    <cfRule type="cellIs" dxfId="13" priority="70" operator="equal">
      <formula>0</formula>
    </cfRule>
  </conditionalFormatting>
  <conditionalFormatting sqref="U32:U38">
    <cfRule type="cellIs" dxfId="12" priority="26" stopIfTrue="1" operator="equal">
      <formula>0</formula>
    </cfRule>
  </conditionalFormatting>
  <conditionalFormatting sqref="U44:U57">
    <cfRule type="cellIs" dxfId="11" priority="9" stopIfTrue="1" operator="equal">
      <formula>0</formula>
    </cfRule>
  </conditionalFormatting>
  <conditionalFormatting sqref="U60:U61">
    <cfRule type="cellIs" dxfId="10" priority="1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56" fitToWidth="0" orientation="portrait" useFirstPageNumber="1" r:id="rId1"/>
  <headerFooter scaleWithDoc="0">
    <oddHeader>&amp;L&amp;"ＭＳ ゴシック,標準"&amp;12Ⅳ　令和６年度地方公営企業事業別決算状況
　３　病院事業（法適用事業）&amp;R&amp;"ＭＳ ゴシック,標準"&amp;12
&amp;A</oddHeader>
    <oddFooter xml:space="preserve">&amp;C&amp;"ＭＳ ゴシック,標準"&amp;9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W63"/>
  <sheetViews>
    <sheetView view="pageBreakPreview" zoomScaleNormal="115" zoomScaleSheetLayoutView="100" workbookViewId="0">
      <selection sqref="A1:H2"/>
    </sheetView>
  </sheetViews>
  <sheetFormatPr defaultColWidth="9.6328125" defaultRowHeight="10" customHeight="1" x14ac:dyDescent="0.2"/>
  <cols>
    <col min="1" max="3" width="1.6328125" style="4" customWidth="1"/>
    <col min="4" max="4" width="18.6328125" style="4" customWidth="1"/>
    <col min="5" max="9" width="9.6328125" style="4" hidden="1" customWidth="1"/>
    <col min="10" max="10" width="2.90625" style="4" hidden="1" customWidth="1"/>
    <col min="11" max="20" width="9.6328125" style="4" customWidth="1"/>
    <col min="21" max="21" width="11.6328125" style="4" customWidth="1"/>
    <col min="22" max="16384" width="9.6328125" style="4"/>
  </cols>
  <sheetData>
    <row r="1" spans="1:23" ht="10" customHeight="1" x14ac:dyDescent="0.2">
      <c r="A1" s="159" t="s">
        <v>243</v>
      </c>
      <c r="B1" s="160"/>
      <c r="C1" s="160"/>
      <c r="D1" s="161"/>
      <c r="E1" s="1"/>
      <c r="F1" s="1"/>
      <c r="G1" s="1"/>
      <c r="H1" s="1"/>
      <c r="I1" s="1"/>
      <c r="J1" s="1"/>
      <c r="K1" s="27" t="s">
        <v>34</v>
      </c>
      <c r="L1" s="28" t="s">
        <v>35</v>
      </c>
      <c r="M1" s="28" t="s">
        <v>36</v>
      </c>
      <c r="N1" s="28" t="s">
        <v>37</v>
      </c>
      <c r="O1" s="28" t="s">
        <v>267</v>
      </c>
      <c r="P1" s="28" t="s">
        <v>39</v>
      </c>
      <c r="Q1" s="28" t="s">
        <v>40</v>
      </c>
      <c r="R1" s="28" t="s">
        <v>41</v>
      </c>
      <c r="S1" s="28" t="s">
        <v>42</v>
      </c>
      <c r="T1" s="28" t="s">
        <v>43</v>
      </c>
      <c r="U1" s="23" t="s">
        <v>96</v>
      </c>
    </row>
    <row r="2" spans="1:23" ht="10" customHeight="1" x14ac:dyDescent="0.2">
      <c r="A2" s="162"/>
      <c r="B2" s="163"/>
      <c r="C2" s="163"/>
      <c r="D2" s="164"/>
      <c r="E2" s="5"/>
      <c r="F2" s="5"/>
      <c r="G2" s="5"/>
      <c r="H2" s="5"/>
      <c r="I2" s="5"/>
      <c r="J2" s="5"/>
      <c r="K2" s="29" t="s">
        <v>33</v>
      </c>
      <c r="L2" s="30" t="s">
        <v>33</v>
      </c>
      <c r="M2" s="30" t="s">
        <v>33</v>
      </c>
      <c r="N2" s="30" t="s">
        <v>33</v>
      </c>
      <c r="O2" s="30" t="s">
        <v>33</v>
      </c>
      <c r="P2" s="30" t="s">
        <v>33</v>
      </c>
      <c r="Q2" s="30" t="s">
        <v>33</v>
      </c>
      <c r="R2" s="30" t="s">
        <v>33</v>
      </c>
      <c r="S2" s="30" t="s">
        <v>33</v>
      </c>
      <c r="T2" s="30" t="s">
        <v>33</v>
      </c>
      <c r="U2" s="26"/>
    </row>
    <row r="3" spans="1:23" ht="10" customHeight="1" x14ac:dyDescent="0.2">
      <c r="A3" s="207" t="s">
        <v>305</v>
      </c>
      <c r="B3" s="208"/>
      <c r="C3" s="208"/>
      <c r="D3" s="209"/>
      <c r="E3" s="42"/>
      <c r="F3" s="42"/>
      <c r="G3" s="42"/>
      <c r="H3" s="42"/>
      <c r="I3" s="42"/>
      <c r="J3" s="43"/>
      <c r="K3" s="90">
        <v>24775680</v>
      </c>
      <c r="L3" s="91">
        <v>19428791</v>
      </c>
      <c r="M3" s="91">
        <v>2936244</v>
      </c>
      <c r="N3" s="91">
        <v>1853171</v>
      </c>
      <c r="O3" s="91">
        <v>3996657</v>
      </c>
      <c r="P3" s="91">
        <v>12297917</v>
      </c>
      <c r="Q3" s="91">
        <v>12543248</v>
      </c>
      <c r="R3" s="91">
        <v>11491402</v>
      </c>
      <c r="S3" s="91">
        <v>2824982</v>
      </c>
      <c r="T3" s="91">
        <v>1362880</v>
      </c>
      <c r="U3" s="92">
        <v>93510972</v>
      </c>
    </row>
    <row r="4" spans="1:23" ht="10" customHeight="1" x14ac:dyDescent="0.2">
      <c r="A4" s="93"/>
      <c r="B4" s="210" t="s">
        <v>306</v>
      </c>
      <c r="C4" s="192"/>
      <c r="D4" s="193"/>
      <c r="E4" s="42"/>
      <c r="F4" s="42"/>
      <c r="G4" s="42"/>
      <c r="H4" s="42"/>
      <c r="I4" s="42"/>
      <c r="J4" s="43"/>
      <c r="K4" s="94">
        <v>21392939</v>
      </c>
      <c r="L4" s="95">
        <v>16723681</v>
      </c>
      <c r="M4" s="95">
        <v>2640037</v>
      </c>
      <c r="N4" s="95">
        <v>1426246</v>
      </c>
      <c r="O4" s="95">
        <v>3551903</v>
      </c>
      <c r="P4" s="95">
        <v>11038557</v>
      </c>
      <c r="Q4" s="95">
        <v>11235228</v>
      </c>
      <c r="R4" s="95">
        <v>10112766</v>
      </c>
      <c r="S4" s="95">
        <v>2522838</v>
      </c>
      <c r="T4" s="95">
        <v>981916</v>
      </c>
      <c r="U4" s="88">
        <v>81626111</v>
      </c>
    </row>
    <row r="5" spans="1:23" ht="10" customHeight="1" x14ac:dyDescent="0.2">
      <c r="A5" s="61"/>
      <c r="B5" s="96"/>
      <c r="C5" s="169" t="s">
        <v>46</v>
      </c>
      <c r="D5" s="171"/>
      <c r="E5" s="97"/>
      <c r="F5" s="97"/>
      <c r="G5" s="97"/>
      <c r="H5" s="97"/>
      <c r="I5" s="97"/>
      <c r="J5" s="98"/>
      <c r="K5" s="94">
        <v>15499096</v>
      </c>
      <c r="L5" s="95">
        <v>11328924</v>
      </c>
      <c r="M5" s="95">
        <v>1499522</v>
      </c>
      <c r="N5" s="95">
        <v>385266</v>
      </c>
      <c r="O5" s="95">
        <v>1855430</v>
      </c>
      <c r="P5" s="95">
        <v>6831299</v>
      </c>
      <c r="Q5" s="95">
        <v>6925469</v>
      </c>
      <c r="R5" s="95">
        <v>6653069</v>
      </c>
      <c r="S5" s="95">
        <v>1013384</v>
      </c>
      <c r="T5" s="95">
        <v>500247</v>
      </c>
      <c r="U5" s="88">
        <v>52491706</v>
      </c>
    </row>
    <row r="6" spans="1:23" ht="10" customHeight="1" x14ac:dyDescent="0.2">
      <c r="A6" s="61"/>
      <c r="B6" s="96"/>
      <c r="C6" s="169" t="s">
        <v>47</v>
      </c>
      <c r="D6" s="171"/>
      <c r="E6" s="97"/>
      <c r="F6" s="97"/>
      <c r="G6" s="97"/>
      <c r="H6" s="97"/>
      <c r="I6" s="97"/>
      <c r="J6" s="98"/>
      <c r="K6" s="94">
        <v>4878214</v>
      </c>
      <c r="L6" s="95">
        <v>4335708</v>
      </c>
      <c r="M6" s="95">
        <v>861819</v>
      </c>
      <c r="N6" s="95">
        <v>516641</v>
      </c>
      <c r="O6" s="95">
        <v>1458158</v>
      </c>
      <c r="P6" s="95">
        <v>3697520</v>
      </c>
      <c r="Q6" s="95">
        <v>3668368</v>
      </c>
      <c r="R6" s="95">
        <v>2748402</v>
      </c>
      <c r="S6" s="95">
        <v>1109993</v>
      </c>
      <c r="T6" s="95">
        <v>358262</v>
      </c>
      <c r="U6" s="88">
        <v>23633085</v>
      </c>
      <c r="W6" s="99"/>
    </row>
    <row r="7" spans="1:23" ht="10" customHeight="1" x14ac:dyDescent="0.2">
      <c r="A7" s="61"/>
      <c r="B7" s="96"/>
      <c r="C7" s="210" t="s">
        <v>48</v>
      </c>
      <c r="D7" s="193"/>
      <c r="E7" s="97"/>
      <c r="F7" s="97"/>
      <c r="G7" s="97"/>
      <c r="H7" s="97"/>
      <c r="I7" s="97"/>
      <c r="J7" s="98"/>
      <c r="K7" s="94">
        <v>1015629</v>
      </c>
      <c r="L7" s="95">
        <v>1059049</v>
      </c>
      <c r="M7" s="95">
        <v>278696</v>
      </c>
      <c r="N7" s="95">
        <v>524339</v>
      </c>
      <c r="O7" s="95">
        <v>238315</v>
      </c>
      <c r="P7" s="95">
        <v>509738</v>
      </c>
      <c r="Q7" s="95">
        <v>641391</v>
      </c>
      <c r="R7" s="95">
        <v>711295</v>
      </c>
      <c r="S7" s="95">
        <v>399461</v>
      </c>
      <c r="T7" s="95">
        <v>123407</v>
      </c>
      <c r="U7" s="88">
        <v>5501320</v>
      </c>
    </row>
    <row r="8" spans="1:23" ht="10" customHeight="1" x14ac:dyDescent="0.2">
      <c r="A8" s="61"/>
      <c r="B8" s="96"/>
      <c r="C8" s="96"/>
      <c r="D8" s="3" t="s">
        <v>49</v>
      </c>
      <c r="E8" s="97"/>
      <c r="F8" s="97"/>
      <c r="G8" s="97"/>
      <c r="H8" s="97"/>
      <c r="I8" s="97"/>
      <c r="J8" s="98"/>
      <c r="K8" s="94">
        <v>531827</v>
      </c>
      <c r="L8" s="95">
        <v>670369</v>
      </c>
      <c r="M8" s="95">
        <v>213145</v>
      </c>
      <c r="N8" s="95">
        <v>0</v>
      </c>
      <c r="O8" s="95">
        <v>70699</v>
      </c>
      <c r="P8" s="95">
        <v>271835</v>
      </c>
      <c r="Q8" s="95">
        <v>497107</v>
      </c>
      <c r="R8" s="95">
        <v>558000</v>
      </c>
      <c r="S8" s="95">
        <v>244956</v>
      </c>
      <c r="T8" s="95">
        <v>30000</v>
      </c>
      <c r="U8" s="88">
        <v>3087938</v>
      </c>
    </row>
    <row r="9" spans="1:23" ht="10" customHeight="1" x14ac:dyDescent="0.2">
      <c r="A9" s="61"/>
      <c r="B9" s="57"/>
      <c r="C9" s="57"/>
      <c r="D9" s="3" t="s">
        <v>24</v>
      </c>
      <c r="E9" s="97"/>
      <c r="F9" s="97"/>
      <c r="G9" s="97"/>
      <c r="H9" s="97"/>
      <c r="I9" s="97"/>
      <c r="J9" s="98"/>
      <c r="K9" s="94">
        <v>483802</v>
      </c>
      <c r="L9" s="95">
        <v>388680</v>
      </c>
      <c r="M9" s="95">
        <v>65551</v>
      </c>
      <c r="N9" s="95">
        <v>524339</v>
      </c>
      <c r="O9" s="95">
        <v>167616</v>
      </c>
      <c r="P9" s="95">
        <v>237903</v>
      </c>
      <c r="Q9" s="95">
        <v>144284</v>
      </c>
      <c r="R9" s="95">
        <v>153295</v>
      </c>
      <c r="S9" s="95">
        <v>154505</v>
      </c>
      <c r="T9" s="95">
        <v>93407</v>
      </c>
      <c r="U9" s="88">
        <v>2413382</v>
      </c>
    </row>
    <row r="10" spans="1:23" ht="10" customHeight="1" x14ac:dyDescent="0.2">
      <c r="A10" s="61"/>
      <c r="B10" s="210" t="s">
        <v>307</v>
      </c>
      <c r="C10" s="192"/>
      <c r="D10" s="193"/>
      <c r="E10" s="42"/>
      <c r="F10" s="42"/>
      <c r="G10" s="42"/>
      <c r="H10" s="42"/>
      <c r="I10" s="42"/>
      <c r="J10" s="43"/>
      <c r="K10" s="94">
        <v>3382741</v>
      </c>
      <c r="L10" s="95">
        <v>2686584</v>
      </c>
      <c r="M10" s="95">
        <v>296207</v>
      </c>
      <c r="N10" s="95">
        <v>424125</v>
      </c>
      <c r="O10" s="95">
        <v>444625</v>
      </c>
      <c r="P10" s="95">
        <v>1186100</v>
      </c>
      <c r="Q10" s="95">
        <v>1300158</v>
      </c>
      <c r="R10" s="95">
        <v>1206656</v>
      </c>
      <c r="S10" s="95">
        <v>275208</v>
      </c>
      <c r="T10" s="95">
        <v>380964</v>
      </c>
      <c r="U10" s="88">
        <v>11583368</v>
      </c>
    </row>
    <row r="11" spans="1:23" ht="10" customHeight="1" x14ac:dyDescent="0.2">
      <c r="A11" s="61"/>
      <c r="B11" s="96"/>
      <c r="C11" s="169" t="s">
        <v>50</v>
      </c>
      <c r="D11" s="171"/>
      <c r="E11" s="97"/>
      <c r="F11" s="97"/>
      <c r="G11" s="97"/>
      <c r="H11" s="97"/>
      <c r="I11" s="97"/>
      <c r="J11" s="98"/>
      <c r="K11" s="94">
        <v>0</v>
      </c>
      <c r="L11" s="95">
        <v>29</v>
      </c>
      <c r="M11" s="95">
        <v>3</v>
      </c>
      <c r="N11" s="95">
        <v>857</v>
      </c>
      <c r="O11" s="95">
        <v>0</v>
      </c>
      <c r="P11" s="95">
        <v>1332</v>
      </c>
      <c r="Q11" s="95">
        <v>0</v>
      </c>
      <c r="R11" s="95">
        <v>137</v>
      </c>
      <c r="S11" s="95">
        <v>0</v>
      </c>
      <c r="T11" s="95">
        <v>0</v>
      </c>
      <c r="U11" s="88">
        <v>2358</v>
      </c>
    </row>
    <row r="12" spans="1:23" ht="10" customHeight="1" x14ac:dyDescent="0.2">
      <c r="A12" s="61"/>
      <c r="B12" s="96"/>
      <c r="C12" s="169" t="s">
        <v>51</v>
      </c>
      <c r="D12" s="171"/>
      <c r="E12" s="97"/>
      <c r="F12" s="97"/>
      <c r="G12" s="97"/>
      <c r="H12" s="97"/>
      <c r="I12" s="97"/>
      <c r="J12" s="98"/>
      <c r="K12" s="94">
        <v>0</v>
      </c>
      <c r="L12" s="95">
        <v>0</v>
      </c>
      <c r="M12" s="95">
        <v>0</v>
      </c>
      <c r="N12" s="95">
        <v>0</v>
      </c>
      <c r="O12" s="95">
        <v>0</v>
      </c>
      <c r="P12" s="95">
        <v>0</v>
      </c>
      <c r="Q12" s="95">
        <v>0</v>
      </c>
      <c r="R12" s="95">
        <v>0</v>
      </c>
      <c r="S12" s="95">
        <v>0</v>
      </c>
      <c r="T12" s="95">
        <v>0</v>
      </c>
      <c r="U12" s="88">
        <v>0</v>
      </c>
    </row>
    <row r="13" spans="1:23" ht="10" customHeight="1" x14ac:dyDescent="0.2">
      <c r="A13" s="61"/>
      <c r="B13" s="96"/>
      <c r="C13" s="169" t="s">
        <v>52</v>
      </c>
      <c r="D13" s="171"/>
      <c r="E13" s="97"/>
      <c r="F13" s="97"/>
      <c r="G13" s="97"/>
      <c r="H13" s="97"/>
      <c r="I13" s="97"/>
      <c r="J13" s="98"/>
      <c r="K13" s="94">
        <v>33040</v>
      </c>
      <c r="L13" s="95">
        <v>25733</v>
      </c>
      <c r="M13" s="95">
        <v>463</v>
      </c>
      <c r="N13" s="95">
        <v>0</v>
      </c>
      <c r="O13" s="95">
        <v>0</v>
      </c>
      <c r="P13" s="95">
        <v>9914</v>
      </c>
      <c r="Q13" s="95">
        <v>9842</v>
      </c>
      <c r="R13" s="95">
        <v>11860</v>
      </c>
      <c r="S13" s="95">
        <v>0</v>
      </c>
      <c r="T13" s="95">
        <v>0</v>
      </c>
      <c r="U13" s="88">
        <v>90852</v>
      </c>
    </row>
    <row r="14" spans="1:23" ht="10" customHeight="1" x14ac:dyDescent="0.2">
      <c r="A14" s="61"/>
      <c r="B14" s="96"/>
      <c r="C14" s="169" t="s">
        <v>53</v>
      </c>
      <c r="D14" s="171"/>
      <c r="E14" s="97"/>
      <c r="F14" s="97"/>
      <c r="G14" s="97"/>
      <c r="H14" s="97"/>
      <c r="I14" s="97"/>
      <c r="J14" s="98"/>
      <c r="K14" s="94">
        <v>14949</v>
      </c>
      <c r="L14" s="95">
        <v>41665</v>
      </c>
      <c r="M14" s="95">
        <v>1</v>
      </c>
      <c r="N14" s="95">
        <v>6551</v>
      </c>
      <c r="O14" s="95">
        <v>10653</v>
      </c>
      <c r="P14" s="95">
        <v>25176</v>
      </c>
      <c r="Q14" s="95">
        <v>2455</v>
      </c>
      <c r="R14" s="95">
        <v>3226</v>
      </c>
      <c r="S14" s="95">
        <v>663</v>
      </c>
      <c r="T14" s="95">
        <v>0</v>
      </c>
      <c r="U14" s="88">
        <v>105339</v>
      </c>
    </row>
    <row r="15" spans="1:23" ht="10" customHeight="1" x14ac:dyDescent="0.2">
      <c r="A15" s="61"/>
      <c r="B15" s="96"/>
      <c r="C15" s="169" t="s">
        <v>54</v>
      </c>
      <c r="D15" s="171"/>
      <c r="E15" s="97"/>
      <c r="F15" s="97"/>
      <c r="G15" s="97"/>
      <c r="H15" s="97"/>
      <c r="I15" s="97"/>
      <c r="J15" s="98"/>
      <c r="K15" s="94">
        <v>890934</v>
      </c>
      <c r="L15" s="95">
        <v>390579</v>
      </c>
      <c r="M15" s="95">
        <v>28493</v>
      </c>
      <c r="N15" s="95">
        <v>371999</v>
      </c>
      <c r="O15" s="95">
        <v>149201</v>
      </c>
      <c r="P15" s="95">
        <v>317542</v>
      </c>
      <c r="Q15" s="95">
        <v>255684</v>
      </c>
      <c r="R15" s="95">
        <v>271083</v>
      </c>
      <c r="S15" s="95">
        <v>74897</v>
      </c>
      <c r="T15" s="95">
        <v>33955</v>
      </c>
      <c r="U15" s="88">
        <v>2784367</v>
      </c>
    </row>
    <row r="16" spans="1:23" ht="10" customHeight="1" x14ac:dyDescent="0.2">
      <c r="A16" s="61"/>
      <c r="B16" s="96"/>
      <c r="C16" s="169" t="s">
        <v>49</v>
      </c>
      <c r="D16" s="171"/>
      <c r="E16" s="97"/>
      <c r="F16" s="97"/>
      <c r="G16" s="97"/>
      <c r="H16" s="97"/>
      <c r="I16" s="97"/>
      <c r="J16" s="98"/>
      <c r="K16" s="94">
        <v>1385193</v>
      </c>
      <c r="L16" s="95">
        <v>1285413</v>
      </c>
      <c r="M16" s="95">
        <v>161334</v>
      </c>
      <c r="N16" s="95">
        <v>25420</v>
      </c>
      <c r="O16" s="95">
        <v>218768</v>
      </c>
      <c r="P16" s="95">
        <v>348213</v>
      </c>
      <c r="Q16" s="95">
        <v>497209</v>
      </c>
      <c r="R16" s="95">
        <v>556917</v>
      </c>
      <c r="S16" s="95">
        <v>134917</v>
      </c>
      <c r="T16" s="95">
        <v>251988</v>
      </c>
      <c r="U16" s="88">
        <v>4865372</v>
      </c>
    </row>
    <row r="17" spans="1:21" ht="10" customHeight="1" x14ac:dyDescent="0.2">
      <c r="A17" s="61"/>
      <c r="B17" s="96"/>
      <c r="C17" s="56" t="s">
        <v>55</v>
      </c>
      <c r="D17" s="47"/>
      <c r="E17" s="97"/>
      <c r="F17" s="97"/>
      <c r="G17" s="97"/>
      <c r="H17" s="97"/>
      <c r="I17" s="97"/>
      <c r="J17" s="98"/>
      <c r="K17" s="94">
        <v>895822</v>
      </c>
      <c r="L17" s="95">
        <v>820560</v>
      </c>
      <c r="M17" s="95">
        <v>38030</v>
      </c>
      <c r="N17" s="95">
        <v>15820</v>
      </c>
      <c r="O17" s="95">
        <v>23652</v>
      </c>
      <c r="P17" s="95">
        <v>418538</v>
      </c>
      <c r="Q17" s="95">
        <v>458138</v>
      </c>
      <c r="R17" s="95">
        <v>268915</v>
      </c>
      <c r="S17" s="95">
        <v>28586</v>
      </c>
      <c r="T17" s="95">
        <v>76325</v>
      </c>
      <c r="U17" s="88">
        <v>3044386</v>
      </c>
    </row>
    <row r="18" spans="1:21" ht="10" customHeight="1" x14ac:dyDescent="0.2">
      <c r="A18" s="61"/>
      <c r="B18" s="96"/>
      <c r="C18" s="56" t="s">
        <v>56</v>
      </c>
      <c r="D18" s="47"/>
      <c r="E18" s="97"/>
      <c r="F18" s="97"/>
      <c r="G18" s="97"/>
      <c r="H18" s="97"/>
      <c r="I18" s="97"/>
      <c r="J18" s="98"/>
      <c r="K18" s="94">
        <v>0</v>
      </c>
      <c r="L18" s="95">
        <v>0</v>
      </c>
      <c r="M18" s="95">
        <v>0</v>
      </c>
      <c r="N18" s="95">
        <v>0</v>
      </c>
      <c r="O18" s="95">
        <v>0</v>
      </c>
      <c r="P18" s="95">
        <v>0</v>
      </c>
      <c r="Q18" s="95">
        <v>0</v>
      </c>
      <c r="R18" s="95">
        <v>0</v>
      </c>
      <c r="S18" s="95">
        <v>0</v>
      </c>
      <c r="T18" s="95">
        <v>0</v>
      </c>
      <c r="U18" s="88">
        <v>0</v>
      </c>
    </row>
    <row r="19" spans="1:21" ht="10" customHeight="1" x14ac:dyDescent="0.2">
      <c r="A19" s="61"/>
      <c r="B19" s="57"/>
      <c r="C19" s="169" t="s">
        <v>57</v>
      </c>
      <c r="D19" s="171"/>
      <c r="E19" s="97"/>
      <c r="F19" s="97"/>
      <c r="G19" s="97"/>
      <c r="H19" s="97"/>
      <c r="I19" s="97"/>
      <c r="J19" s="98"/>
      <c r="K19" s="94">
        <v>162803</v>
      </c>
      <c r="L19" s="95">
        <v>122605</v>
      </c>
      <c r="M19" s="95">
        <v>67883</v>
      </c>
      <c r="N19" s="95">
        <v>3478</v>
      </c>
      <c r="O19" s="95">
        <v>42351</v>
      </c>
      <c r="P19" s="95">
        <v>65385</v>
      </c>
      <c r="Q19" s="95">
        <v>76830</v>
      </c>
      <c r="R19" s="95">
        <v>94518</v>
      </c>
      <c r="S19" s="95">
        <v>36145</v>
      </c>
      <c r="T19" s="95">
        <v>18696</v>
      </c>
      <c r="U19" s="88">
        <v>690694</v>
      </c>
    </row>
    <row r="20" spans="1:21" ht="10" customHeight="1" x14ac:dyDescent="0.2">
      <c r="A20" s="61"/>
      <c r="B20" s="210" t="s">
        <v>58</v>
      </c>
      <c r="C20" s="192"/>
      <c r="D20" s="193"/>
      <c r="E20" s="42"/>
      <c r="F20" s="42"/>
      <c r="G20" s="42"/>
      <c r="H20" s="42"/>
      <c r="I20" s="42"/>
      <c r="J20" s="43"/>
      <c r="K20" s="94">
        <v>0</v>
      </c>
      <c r="L20" s="95">
        <v>18526</v>
      </c>
      <c r="M20" s="95">
        <v>0</v>
      </c>
      <c r="N20" s="95">
        <v>2800</v>
      </c>
      <c r="O20" s="95">
        <v>129</v>
      </c>
      <c r="P20" s="95">
        <v>73260</v>
      </c>
      <c r="Q20" s="95">
        <v>7862</v>
      </c>
      <c r="R20" s="95">
        <v>171980</v>
      </c>
      <c r="S20" s="95">
        <v>26936</v>
      </c>
      <c r="T20" s="95">
        <v>0</v>
      </c>
      <c r="U20" s="88">
        <v>301493</v>
      </c>
    </row>
    <row r="21" spans="1:21" ht="10" customHeight="1" x14ac:dyDescent="0.2">
      <c r="A21" s="61"/>
      <c r="B21" s="96"/>
      <c r="C21" s="169" t="s">
        <v>59</v>
      </c>
      <c r="D21" s="171"/>
      <c r="E21" s="97"/>
      <c r="F21" s="97"/>
      <c r="G21" s="97"/>
      <c r="H21" s="97"/>
      <c r="I21" s="97"/>
      <c r="J21" s="98"/>
      <c r="K21" s="94">
        <v>0</v>
      </c>
      <c r="L21" s="95">
        <v>0</v>
      </c>
      <c r="M21" s="95">
        <v>0</v>
      </c>
      <c r="N21" s="95">
        <v>0</v>
      </c>
      <c r="O21" s="95">
        <v>0</v>
      </c>
      <c r="P21" s="95">
        <v>0</v>
      </c>
      <c r="Q21" s="95">
        <v>0</v>
      </c>
      <c r="R21" s="95">
        <v>0</v>
      </c>
      <c r="S21" s="95">
        <v>0</v>
      </c>
      <c r="T21" s="95">
        <v>0</v>
      </c>
      <c r="U21" s="88">
        <v>0</v>
      </c>
    </row>
    <row r="22" spans="1:21" ht="10" customHeight="1" x14ac:dyDescent="0.2">
      <c r="A22" s="61"/>
      <c r="B22" s="96"/>
      <c r="C22" s="169" t="s">
        <v>60</v>
      </c>
      <c r="D22" s="171"/>
      <c r="E22" s="97"/>
      <c r="F22" s="97"/>
      <c r="G22" s="97"/>
      <c r="H22" s="97"/>
      <c r="I22" s="97"/>
      <c r="J22" s="98"/>
      <c r="K22" s="94">
        <v>0</v>
      </c>
      <c r="L22" s="95">
        <v>0</v>
      </c>
      <c r="M22" s="95">
        <v>0</v>
      </c>
      <c r="N22" s="95">
        <v>0</v>
      </c>
      <c r="O22" s="95">
        <v>129</v>
      </c>
      <c r="P22" s="95">
        <v>0</v>
      </c>
      <c r="Q22" s="95">
        <v>0</v>
      </c>
      <c r="R22" s="95">
        <v>0</v>
      </c>
      <c r="S22" s="95">
        <v>0</v>
      </c>
      <c r="T22" s="95">
        <v>0</v>
      </c>
      <c r="U22" s="88">
        <v>129</v>
      </c>
    </row>
    <row r="23" spans="1:21" ht="10" customHeight="1" x14ac:dyDescent="0.2">
      <c r="A23" s="62"/>
      <c r="B23" s="57"/>
      <c r="C23" s="169" t="s">
        <v>24</v>
      </c>
      <c r="D23" s="171"/>
      <c r="E23" s="100"/>
      <c r="F23" s="100"/>
      <c r="G23" s="100"/>
      <c r="H23" s="100"/>
      <c r="I23" s="100"/>
      <c r="J23" s="11"/>
      <c r="K23" s="94">
        <v>0</v>
      </c>
      <c r="L23" s="95">
        <v>18526</v>
      </c>
      <c r="M23" s="95">
        <v>0</v>
      </c>
      <c r="N23" s="95">
        <v>2800</v>
      </c>
      <c r="O23" s="95">
        <v>0</v>
      </c>
      <c r="P23" s="95">
        <v>73260</v>
      </c>
      <c r="Q23" s="95">
        <v>7862</v>
      </c>
      <c r="R23" s="95">
        <v>171980</v>
      </c>
      <c r="S23" s="95">
        <v>26936</v>
      </c>
      <c r="T23" s="95">
        <v>0</v>
      </c>
      <c r="U23" s="88">
        <v>301364</v>
      </c>
    </row>
    <row r="24" spans="1:21" ht="10" customHeight="1" x14ac:dyDescent="0.2">
      <c r="A24" s="191" t="s">
        <v>61</v>
      </c>
      <c r="B24" s="192"/>
      <c r="C24" s="192"/>
      <c r="D24" s="193"/>
      <c r="E24" s="42"/>
      <c r="F24" s="42"/>
      <c r="G24" s="42"/>
      <c r="H24" s="42"/>
      <c r="I24" s="42"/>
      <c r="J24" s="43"/>
      <c r="K24" s="94">
        <v>28888384</v>
      </c>
      <c r="L24" s="95">
        <v>20171772</v>
      </c>
      <c r="M24" s="95">
        <v>3067332</v>
      </c>
      <c r="N24" s="95">
        <v>1911948</v>
      </c>
      <c r="O24" s="95">
        <v>4841108</v>
      </c>
      <c r="P24" s="95">
        <v>13095208</v>
      </c>
      <c r="Q24" s="95">
        <v>13712047</v>
      </c>
      <c r="R24" s="95">
        <v>12771949</v>
      </c>
      <c r="S24" s="95">
        <v>3154072</v>
      </c>
      <c r="T24" s="95">
        <v>1407933</v>
      </c>
      <c r="U24" s="88">
        <v>103021753</v>
      </c>
    </row>
    <row r="25" spans="1:21" ht="10" customHeight="1" x14ac:dyDescent="0.2">
      <c r="A25" s="93"/>
      <c r="B25" s="210" t="s">
        <v>308</v>
      </c>
      <c r="C25" s="192"/>
      <c r="D25" s="193"/>
      <c r="E25" s="42"/>
      <c r="F25" s="42"/>
      <c r="G25" s="42"/>
      <c r="H25" s="42"/>
      <c r="I25" s="42"/>
      <c r="J25" s="43"/>
      <c r="K25" s="94">
        <v>27344149</v>
      </c>
      <c r="L25" s="95">
        <v>19223078</v>
      </c>
      <c r="M25" s="95">
        <v>2966915</v>
      </c>
      <c r="N25" s="95">
        <v>1850862</v>
      </c>
      <c r="O25" s="95">
        <v>4615518</v>
      </c>
      <c r="P25" s="95">
        <v>12404512</v>
      </c>
      <c r="Q25" s="95">
        <v>13017058</v>
      </c>
      <c r="R25" s="95">
        <v>12685505</v>
      </c>
      <c r="S25" s="95">
        <v>3055110</v>
      </c>
      <c r="T25" s="95">
        <v>1360099</v>
      </c>
      <c r="U25" s="88">
        <v>98522806</v>
      </c>
    </row>
    <row r="26" spans="1:21" ht="10" customHeight="1" x14ac:dyDescent="0.2">
      <c r="A26" s="61"/>
      <c r="B26" s="96"/>
      <c r="C26" s="169" t="s">
        <v>62</v>
      </c>
      <c r="D26" s="171"/>
      <c r="E26" s="97"/>
      <c r="F26" s="97"/>
      <c r="G26" s="97"/>
      <c r="H26" s="97"/>
      <c r="I26" s="97"/>
      <c r="J26" s="98"/>
      <c r="K26" s="94">
        <v>13547823</v>
      </c>
      <c r="L26" s="95">
        <v>9300047</v>
      </c>
      <c r="M26" s="95">
        <v>1686996</v>
      </c>
      <c r="N26" s="95">
        <v>1075740</v>
      </c>
      <c r="O26" s="95">
        <v>2332489</v>
      </c>
      <c r="P26" s="95">
        <v>5802533</v>
      </c>
      <c r="Q26" s="95">
        <v>6242303</v>
      </c>
      <c r="R26" s="95">
        <v>6847873</v>
      </c>
      <c r="S26" s="95">
        <v>1881955</v>
      </c>
      <c r="T26" s="95">
        <v>799617</v>
      </c>
      <c r="U26" s="88">
        <v>49517376</v>
      </c>
    </row>
    <row r="27" spans="1:21" ht="10" customHeight="1" x14ac:dyDescent="0.2">
      <c r="A27" s="61"/>
      <c r="B27" s="96"/>
      <c r="C27" s="169" t="s">
        <v>63</v>
      </c>
      <c r="D27" s="171"/>
      <c r="E27" s="97"/>
      <c r="F27" s="97"/>
      <c r="G27" s="97"/>
      <c r="H27" s="97"/>
      <c r="I27" s="97"/>
      <c r="J27" s="98"/>
      <c r="K27" s="94">
        <v>5911065</v>
      </c>
      <c r="L27" s="95">
        <v>4202801</v>
      </c>
      <c r="M27" s="95">
        <v>440753</v>
      </c>
      <c r="N27" s="95">
        <v>251842</v>
      </c>
      <c r="O27" s="95">
        <v>1133484</v>
      </c>
      <c r="P27" s="95">
        <v>3622393</v>
      </c>
      <c r="Q27" s="95">
        <v>2856568</v>
      </c>
      <c r="R27" s="95">
        <v>2806958</v>
      </c>
      <c r="S27" s="95">
        <v>606691</v>
      </c>
      <c r="T27" s="95">
        <v>111463</v>
      </c>
      <c r="U27" s="88">
        <v>21944018</v>
      </c>
    </row>
    <row r="28" spans="1:21" ht="10" customHeight="1" x14ac:dyDescent="0.2">
      <c r="A28" s="61"/>
      <c r="B28" s="96"/>
      <c r="C28" s="169" t="s">
        <v>309</v>
      </c>
      <c r="D28" s="171"/>
      <c r="E28" s="97"/>
      <c r="F28" s="97"/>
      <c r="G28" s="97"/>
      <c r="H28" s="97"/>
      <c r="I28" s="97"/>
      <c r="J28" s="98"/>
      <c r="K28" s="94">
        <v>3044787</v>
      </c>
      <c r="L28" s="95">
        <v>1508234</v>
      </c>
      <c r="M28" s="95">
        <v>124111</v>
      </c>
      <c r="N28" s="95">
        <v>52182</v>
      </c>
      <c r="O28" s="95">
        <v>365141</v>
      </c>
      <c r="P28" s="95">
        <v>632085</v>
      </c>
      <c r="Q28" s="95">
        <v>890186</v>
      </c>
      <c r="R28" s="95">
        <v>702085</v>
      </c>
      <c r="S28" s="95">
        <v>128849</v>
      </c>
      <c r="T28" s="95">
        <v>88999</v>
      </c>
      <c r="U28" s="88">
        <v>7536659</v>
      </c>
    </row>
    <row r="29" spans="1:21" ht="10" customHeight="1" x14ac:dyDescent="0.2">
      <c r="A29" s="61"/>
      <c r="B29" s="57"/>
      <c r="C29" s="169" t="s">
        <v>64</v>
      </c>
      <c r="D29" s="171"/>
      <c r="E29" s="97"/>
      <c r="F29" s="97"/>
      <c r="G29" s="97"/>
      <c r="H29" s="97"/>
      <c r="I29" s="97"/>
      <c r="J29" s="98"/>
      <c r="K29" s="94">
        <v>4840474</v>
      </c>
      <c r="L29" s="95">
        <v>4211996</v>
      </c>
      <c r="M29" s="95">
        <v>715055</v>
      </c>
      <c r="N29" s="95">
        <v>471098</v>
      </c>
      <c r="O29" s="95">
        <v>784404</v>
      </c>
      <c r="P29" s="95">
        <v>2347501</v>
      </c>
      <c r="Q29" s="95">
        <v>3028001</v>
      </c>
      <c r="R29" s="95">
        <v>2328589</v>
      </c>
      <c r="S29" s="95">
        <v>437615</v>
      </c>
      <c r="T29" s="95">
        <v>360020</v>
      </c>
      <c r="U29" s="88">
        <v>19524753</v>
      </c>
    </row>
    <row r="30" spans="1:21" ht="10" customHeight="1" x14ac:dyDescent="0.2">
      <c r="A30" s="61"/>
      <c r="B30" s="210" t="s">
        <v>310</v>
      </c>
      <c r="C30" s="192"/>
      <c r="D30" s="193"/>
      <c r="E30" s="100"/>
      <c r="F30" s="100"/>
      <c r="G30" s="100"/>
      <c r="H30" s="100"/>
      <c r="I30" s="100"/>
      <c r="J30" s="11"/>
      <c r="K30" s="94">
        <v>1516522</v>
      </c>
      <c r="L30" s="95">
        <v>947646</v>
      </c>
      <c r="M30" s="95">
        <v>100407</v>
      </c>
      <c r="N30" s="95">
        <v>52109</v>
      </c>
      <c r="O30" s="95">
        <v>225590</v>
      </c>
      <c r="P30" s="95">
        <v>676500</v>
      </c>
      <c r="Q30" s="95">
        <v>692275</v>
      </c>
      <c r="R30" s="95">
        <v>81579</v>
      </c>
      <c r="S30" s="95">
        <v>97462</v>
      </c>
      <c r="T30" s="95">
        <v>47818</v>
      </c>
      <c r="U30" s="88">
        <v>4437908</v>
      </c>
    </row>
    <row r="31" spans="1:21" ht="10" customHeight="1" x14ac:dyDescent="0.2">
      <c r="A31" s="61"/>
      <c r="B31" s="96"/>
      <c r="C31" s="169" t="s">
        <v>65</v>
      </c>
      <c r="D31" s="171"/>
      <c r="E31" s="97"/>
      <c r="F31" s="97"/>
      <c r="G31" s="97"/>
      <c r="H31" s="97"/>
      <c r="I31" s="97"/>
      <c r="J31" s="98"/>
      <c r="K31" s="94">
        <v>48715</v>
      </c>
      <c r="L31" s="95">
        <v>13466</v>
      </c>
      <c r="M31" s="95">
        <v>1021</v>
      </c>
      <c r="N31" s="95">
        <v>67</v>
      </c>
      <c r="O31" s="95">
        <v>14306</v>
      </c>
      <c r="P31" s="95">
        <v>42139</v>
      </c>
      <c r="Q31" s="95">
        <v>92573</v>
      </c>
      <c r="R31" s="95">
        <v>27754</v>
      </c>
      <c r="S31" s="95">
        <v>1551</v>
      </c>
      <c r="T31" s="95">
        <v>10353</v>
      </c>
      <c r="U31" s="88">
        <v>251945</v>
      </c>
    </row>
    <row r="32" spans="1:21" ht="10" customHeight="1" x14ac:dyDescent="0.2">
      <c r="A32" s="61"/>
      <c r="B32" s="96"/>
      <c r="C32" s="169" t="s">
        <v>255</v>
      </c>
      <c r="D32" s="171"/>
      <c r="E32" s="97"/>
      <c r="F32" s="97"/>
      <c r="G32" s="97"/>
      <c r="H32" s="97"/>
      <c r="I32" s="97"/>
      <c r="J32" s="98"/>
      <c r="K32" s="94">
        <v>0</v>
      </c>
      <c r="L32" s="95">
        <v>0</v>
      </c>
      <c r="M32" s="95">
        <v>0</v>
      </c>
      <c r="N32" s="95">
        <v>0</v>
      </c>
      <c r="O32" s="95">
        <v>0</v>
      </c>
      <c r="P32" s="95">
        <v>0</v>
      </c>
      <c r="Q32" s="95">
        <v>0</v>
      </c>
      <c r="R32" s="95">
        <v>0</v>
      </c>
      <c r="S32" s="95">
        <v>0</v>
      </c>
      <c r="T32" s="95">
        <v>0</v>
      </c>
      <c r="U32" s="88">
        <v>0</v>
      </c>
    </row>
    <row r="33" spans="1:21" ht="10" customHeight="1" x14ac:dyDescent="0.2">
      <c r="A33" s="61"/>
      <c r="B33" s="96"/>
      <c r="C33" s="169" t="s">
        <v>66</v>
      </c>
      <c r="D33" s="171"/>
      <c r="E33" s="97"/>
      <c r="F33" s="97"/>
      <c r="G33" s="97"/>
      <c r="H33" s="97"/>
      <c r="I33" s="97"/>
      <c r="J33" s="98"/>
      <c r="K33" s="94">
        <v>0</v>
      </c>
      <c r="L33" s="95">
        <v>0</v>
      </c>
      <c r="M33" s="95">
        <v>0</v>
      </c>
      <c r="N33" s="95">
        <v>0</v>
      </c>
      <c r="O33" s="95">
        <v>0</v>
      </c>
      <c r="P33" s="95">
        <v>0</v>
      </c>
      <c r="Q33" s="95">
        <v>0</v>
      </c>
      <c r="R33" s="95">
        <v>0</v>
      </c>
      <c r="S33" s="95">
        <v>0</v>
      </c>
      <c r="T33" s="95">
        <v>0</v>
      </c>
      <c r="U33" s="88">
        <v>0</v>
      </c>
    </row>
    <row r="34" spans="1:21" ht="10" customHeight="1" x14ac:dyDescent="0.2">
      <c r="A34" s="61"/>
      <c r="B34" s="96"/>
      <c r="C34" s="169" t="s">
        <v>67</v>
      </c>
      <c r="D34" s="171"/>
      <c r="E34" s="97"/>
      <c r="F34" s="97"/>
      <c r="G34" s="97"/>
      <c r="H34" s="97"/>
      <c r="I34" s="97"/>
      <c r="J34" s="98"/>
      <c r="K34" s="94">
        <v>328230</v>
      </c>
      <c r="L34" s="95">
        <v>74365</v>
      </c>
      <c r="M34" s="95">
        <v>0</v>
      </c>
      <c r="N34" s="95">
        <v>0</v>
      </c>
      <c r="O34" s="95">
        <v>0</v>
      </c>
      <c r="P34" s="95">
        <v>73758</v>
      </c>
      <c r="Q34" s="95">
        <v>0</v>
      </c>
      <c r="R34" s="95">
        <v>38780</v>
      </c>
      <c r="S34" s="95">
        <v>0</v>
      </c>
      <c r="T34" s="95">
        <v>0</v>
      </c>
      <c r="U34" s="88">
        <v>515133</v>
      </c>
    </row>
    <row r="35" spans="1:21" ht="10" customHeight="1" x14ac:dyDescent="0.2">
      <c r="A35" s="61"/>
      <c r="B35" s="57"/>
      <c r="C35" s="169" t="s">
        <v>68</v>
      </c>
      <c r="D35" s="171"/>
      <c r="E35" s="97"/>
      <c r="F35" s="97"/>
      <c r="G35" s="97"/>
      <c r="H35" s="97"/>
      <c r="I35" s="97"/>
      <c r="J35" s="98"/>
      <c r="K35" s="94">
        <v>1139577</v>
      </c>
      <c r="L35" s="95">
        <v>859815</v>
      </c>
      <c r="M35" s="95">
        <v>99386</v>
      </c>
      <c r="N35" s="95">
        <v>52042</v>
      </c>
      <c r="O35" s="95">
        <v>211284</v>
      </c>
      <c r="P35" s="95">
        <v>560603</v>
      </c>
      <c r="Q35" s="95">
        <v>599702</v>
      </c>
      <c r="R35" s="95">
        <v>15045</v>
      </c>
      <c r="S35" s="95">
        <v>95911</v>
      </c>
      <c r="T35" s="95">
        <v>37465</v>
      </c>
      <c r="U35" s="88">
        <v>3670830</v>
      </c>
    </row>
    <row r="36" spans="1:21" ht="10" customHeight="1" x14ac:dyDescent="0.2">
      <c r="A36" s="61"/>
      <c r="B36" s="210" t="s">
        <v>69</v>
      </c>
      <c r="C36" s="192"/>
      <c r="D36" s="193"/>
      <c r="E36" s="100"/>
      <c r="F36" s="100"/>
      <c r="G36" s="100"/>
      <c r="H36" s="100"/>
      <c r="I36" s="100"/>
      <c r="J36" s="11"/>
      <c r="K36" s="94">
        <v>27713</v>
      </c>
      <c r="L36" s="95">
        <v>1048</v>
      </c>
      <c r="M36" s="95">
        <v>10</v>
      </c>
      <c r="N36" s="95">
        <v>8977</v>
      </c>
      <c r="O36" s="95">
        <v>0</v>
      </c>
      <c r="P36" s="95">
        <v>14196</v>
      </c>
      <c r="Q36" s="95">
        <v>2714</v>
      </c>
      <c r="R36" s="95">
        <v>4865</v>
      </c>
      <c r="S36" s="95">
        <v>1500</v>
      </c>
      <c r="T36" s="95">
        <v>16</v>
      </c>
      <c r="U36" s="88">
        <v>61039</v>
      </c>
    </row>
    <row r="37" spans="1:21" ht="10" customHeight="1" x14ac:dyDescent="0.2">
      <c r="A37" s="61"/>
      <c r="B37" s="96"/>
      <c r="C37" s="169" t="s">
        <v>62</v>
      </c>
      <c r="D37" s="171"/>
      <c r="E37" s="97"/>
      <c r="F37" s="97"/>
      <c r="G37" s="97"/>
      <c r="H37" s="97"/>
      <c r="I37" s="97"/>
      <c r="J37" s="98"/>
      <c r="K37" s="94">
        <v>0</v>
      </c>
      <c r="L37" s="95">
        <v>0</v>
      </c>
      <c r="M37" s="95">
        <v>0</v>
      </c>
      <c r="N37" s="95">
        <v>0</v>
      </c>
      <c r="O37" s="95">
        <v>0</v>
      </c>
      <c r="P37" s="95">
        <v>0</v>
      </c>
      <c r="Q37" s="95">
        <v>0</v>
      </c>
      <c r="R37" s="95">
        <v>190</v>
      </c>
      <c r="S37" s="95">
        <v>0</v>
      </c>
      <c r="T37" s="95">
        <v>0</v>
      </c>
      <c r="U37" s="88">
        <v>190</v>
      </c>
    </row>
    <row r="38" spans="1:21" ht="10" customHeight="1" x14ac:dyDescent="0.2">
      <c r="A38" s="62"/>
      <c r="B38" s="57"/>
      <c r="C38" s="169" t="s">
        <v>24</v>
      </c>
      <c r="D38" s="171"/>
      <c r="E38" s="97"/>
      <c r="F38" s="97"/>
      <c r="G38" s="97"/>
      <c r="H38" s="97"/>
      <c r="I38" s="97"/>
      <c r="J38" s="98"/>
      <c r="K38" s="94">
        <v>27713</v>
      </c>
      <c r="L38" s="95">
        <v>1048</v>
      </c>
      <c r="M38" s="95">
        <v>10</v>
      </c>
      <c r="N38" s="95">
        <v>8977</v>
      </c>
      <c r="O38" s="95">
        <v>0</v>
      </c>
      <c r="P38" s="95">
        <v>14196</v>
      </c>
      <c r="Q38" s="95">
        <v>2714</v>
      </c>
      <c r="R38" s="95">
        <v>4675</v>
      </c>
      <c r="S38" s="95">
        <v>1500</v>
      </c>
      <c r="T38" s="95">
        <v>16</v>
      </c>
      <c r="U38" s="88">
        <v>60849</v>
      </c>
    </row>
    <row r="39" spans="1:21" ht="10" customHeight="1" x14ac:dyDescent="0.2">
      <c r="A39" s="189" t="s">
        <v>70</v>
      </c>
      <c r="B39" s="170"/>
      <c r="C39" s="170"/>
      <c r="D39" s="171"/>
      <c r="E39" s="101"/>
      <c r="F39" s="101"/>
      <c r="G39" s="101"/>
      <c r="H39" s="101"/>
      <c r="I39" s="101"/>
      <c r="J39" s="102"/>
      <c r="K39" s="94">
        <v>0</v>
      </c>
      <c r="L39" s="95">
        <v>0</v>
      </c>
      <c r="M39" s="95">
        <v>0</v>
      </c>
      <c r="N39" s="95">
        <v>0</v>
      </c>
      <c r="O39" s="95">
        <v>0</v>
      </c>
      <c r="P39" s="95">
        <v>0</v>
      </c>
      <c r="Q39" s="95">
        <v>0</v>
      </c>
      <c r="R39" s="95">
        <v>0</v>
      </c>
      <c r="S39" s="95">
        <v>0</v>
      </c>
      <c r="T39" s="95">
        <v>0</v>
      </c>
      <c r="U39" s="88">
        <v>0</v>
      </c>
    </row>
    <row r="40" spans="1:21" ht="10" customHeight="1" x14ac:dyDescent="0.2">
      <c r="A40" s="189" t="s">
        <v>273</v>
      </c>
      <c r="B40" s="170"/>
      <c r="C40" s="170"/>
      <c r="D40" s="171"/>
      <c r="E40" s="101"/>
      <c r="F40" s="101"/>
      <c r="G40" s="101"/>
      <c r="H40" s="101"/>
      <c r="I40" s="101"/>
      <c r="J40" s="102"/>
      <c r="K40" s="103">
        <v>4084991</v>
      </c>
      <c r="L40" s="104">
        <v>760459</v>
      </c>
      <c r="M40" s="104">
        <v>131078</v>
      </c>
      <c r="N40" s="104">
        <v>52600</v>
      </c>
      <c r="O40" s="104">
        <v>844580</v>
      </c>
      <c r="P40" s="104">
        <v>856355</v>
      </c>
      <c r="Q40" s="104">
        <v>1173947</v>
      </c>
      <c r="R40" s="104">
        <v>1447662</v>
      </c>
      <c r="S40" s="104">
        <v>354526</v>
      </c>
      <c r="T40" s="104">
        <v>45037</v>
      </c>
      <c r="U40" s="105">
        <v>9751235</v>
      </c>
    </row>
    <row r="41" spans="1:21" ht="10" customHeight="1" x14ac:dyDescent="0.2">
      <c r="A41" s="189" t="s">
        <v>71</v>
      </c>
      <c r="B41" s="170"/>
      <c r="C41" s="170"/>
      <c r="D41" s="171"/>
      <c r="E41" s="101"/>
      <c r="F41" s="101"/>
      <c r="G41" s="101"/>
      <c r="H41" s="101"/>
      <c r="I41" s="101"/>
      <c r="J41" s="102"/>
      <c r="K41" s="94">
        <v>0</v>
      </c>
      <c r="L41" s="95">
        <v>0</v>
      </c>
      <c r="M41" s="95">
        <v>0</v>
      </c>
      <c r="N41" s="95">
        <v>0</v>
      </c>
      <c r="O41" s="95">
        <v>0</v>
      </c>
      <c r="P41" s="95">
        <v>0</v>
      </c>
      <c r="Q41" s="95">
        <v>0</v>
      </c>
      <c r="R41" s="95">
        <v>0</v>
      </c>
      <c r="S41" s="95">
        <v>0</v>
      </c>
      <c r="T41" s="95">
        <v>0</v>
      </c>
      <c r="U41" s="88">
        <v>0</v>
      </c>
    </row>
    <row r="42" spans="1:21" ht="10" customHeight="1" x14ac:dyDescent="0.2">
      <c r="A42" s="189" t="s">
        <v>274</v>
      </c>
      <c r="B42" s="170"/>
      <c r="C42" s="170"/>
      <c r="D42" s="171"/>
      <c r="E42" s="101"/>
      <c r="F42" s="101"/>
      <c r="G42" s="101"/>
      <c r="H42" s="101"/>
      <c r="I42" s="101"/>
      <c r="J42" s="102"/>
      <c r="K42" s="103">
        <v>4112704</v>
      </c>
      <c r="L42" s="104">
        <v>742981</v>
      </c>
      <c r="M42" s="104">
        <v>131088</v>
      </c>
      <c r="N42" s="104">
        <v>58777</v>
      </c>
      <c r="O42" s="104">
        <v>844451</v>
      </c>
      <c r="P42" s="104">
        <v>797291</v>
      </c>
      <c r="Q42" s="104">
        <v>1168799</v>
      </c>
      <c r="R42" s="104">
        <v>1280547</v>
      </c>
      <c r="S42" s="104">
        <v>329090</v>
      </c>
      <c r="T42" s="104">
        <v>45053</v>
      </c>
      <c r="U42" s="105">
        <v>9510781</v>
      </c>
    </row>
    <row r="43" spans="1:21" ht="10" customHeight="1" x14ac:dyDescent="0.2">
      <c r="A43" s="189" t="s">
        <v>72</v>
      </c>
      <c r="B43" s="170"/>
      <c r="C43" s="170"/>
      <c r="D43" s="171"/>
      <c r="E43" s="101"/>
      <c r="F43" s="101"/>
      <c r="G43" s="101"/>
      <c r="H43" s="101"/>
      <c r="I43" s="101"/>
      <c r="J43" s="102"/>
      <c r="K43" s="94">
        <v>-3146685</v>
      </c>
      <c r="L43" s="95">
        <v>-2416185</v>
      </c>
      <c r="M43" s="95">
        <v>-329273</v>
      </c>
      <c r="N43" s="95">
        <v>547328</v>
      </c>
      <c r="O43" s="95">
        <v>-2563988</v>
      </c>
      <c r="P43" s="95">
        <v>924951</v>
      </c>
      <c r="Q43" s="95">
        <v>-618038</v>
      </c>
      <c r="R43" s="95">
        <v>-1598786</v>
      </c>
      <c r="S43" s="95">
        <v>-1653662</v>
      </c>
      <c r="T43" s="95">
        <v>-1751525</v>
      </c>
      <c r="U43" s="88">
        <v>-12605863</v>
      </c>
    </row>
    <row r="44" spans="1:21" ht="10" customHeight="1" x14ac:dyDescent="0.2">
      <c r="A44" s="189" t="s">
        <v>73</v>
      </c>
      <c r="B44" s="170"/>
      <c r="C44" s="170"/>
      <c r="D44" s="171"/>
      <c r="E44" s="101"/>
      <c r="F44" s="101"/>
      <c r="G44" s="101"/>
      <c r="H44" s="101"/>
      <c r="I44" s="101"/>
      <c r="J44" s="102"/>
      <c r="K44" s="94">
        <v>0</v>
      </c>
      <c r="L44" s="95">
        <v>0</v>
      </c>
      <c r="M44" s="95">
        <v>0</v>
      </c>
      <c r="N44" s="95">
        <v>0</v>
      </c>
      <c r="O44" s="95">
        <v>0</v>
      </c>
      <c r="P44" s="95">
        <v>0</v>
      </c>
      <c r="Q44" s="95">
        <v>0</v>
      </c>
      <c r="R44" s="95">
        <v>0</v>
      </c>
      <c r="S44" s="95">
        <v>0</v>
      </c>
      <c r="T44" s="95">
        <v>0</v>
      </c>
      <c r="U44" s="88">
        <v>0</v>
      </c>
    </row>
    <row r="45" spans="1:21" ht="10" customHeight="1" x14ac:dyDescent="0.2">
      <c r="A45" s="189" t="s">
        <v>74</v>
      </c>
      <c r="B45" s="170"/>
      <c r="C45" s="170"/>
      <c r="D45" s="171"/>
      <c r="E45" s="101"/>
      <c r="F45" s="101"/>
      <c r="G45" s="101"/>
      <c r="H45" s="101"/>
      <c r="I45" s="101"/>
      <c r="J45" s="102"/>
      <c r="K45" s="94">
        <v>-7259389</v>
      </c>
      <c r="L45" s="95">
        <v>-3159166</v>
      </c>
      <c r="M45" s="95">
        <v>-460361</v>
      </c>
      <c r="N45" s="95">
        <v>488551</v>
      </c>
      <c r="O45" s="95">
        <v>-3408439</v>
      </c>
      <c r="P45" s="95">
        <v>127660</v>
      </c>
      <c r="Q45" s="95">
        <v>-1786837</v>
      </c>
      <c r="R45" s="95">
        <v>-2879333</v>
      </c>
      <c r="S45" s="95">
        <v>-1982752</v>
      </c>
      <c r="T45" s="95">
        <v>-1796578</v>
      </c>
      <c r="U45" s="88">
        <v>-22116644</v>
      </c>
    </row>
    <row r="46" spans="1:21" ht="10" customHeight="1" x14ac:dyDescent="0.2">
      <c r="A46" s="215" t="s">
        <v>44</v>
      </c>
      <c r="B46" s="216"/>
      <c r="C46" s="216"/>
      <c r="D46" s="217"/>
      <c r="E46" s="71"/>
      <c r="F46" s="71"/>
      <c r="G46" s="71"/>
      <c r="H46" s="71"/>
      <c r="I46" s="71"/>
      <c r="J46" s="72"/>
      <c r="K46" s="94">
        <v>0</v>
      </c>
      <c r="L46" s="95">
        <v>0</v>
      </c>
      <c r="M46" s="95">
        <v>0</v>
      </c>
      <c r="N46" s="95">
        <v>0</v>
      </c>
      <c r="O46" s="95">
        <v>0</v>
      </c>
      <c r="P46" s="95">
        <v>0</v>
      </c>
      <c r="Q46" s="95">
        <v>0</v>
      </c>
      <c r="R46" s="95">
        <v>0</v>
      </c>
      <c r="S46" s="95">
        <v>0</v>
      </c>
      <c r="T46" s="95">
        <v>0</v>
      </c>
      <c r="U46" s="88">
        <v>0</v>
      </c>
    </row>
    <row r="47" spans="1:21" ht="10" customHeight="1" x14ac:dyDescent="0.2">
      <c r="A47" s="189" t="s">
        <v>45</v>
      </c>
      <c r="B47" s="170"/>
      <c r="C47" s="170"/>
      <c r="D47" s="171"/>
      <c r="E47" s="71"/>
      <c r="F47" s="71"/>
      <c r="G47" s="71"/>
      <c r="H47" s="71"/>
      <c r="I47" s="71"/>
      <c r="J47" s="72"/>
      <c r="K47" s="94">
        <v>0</v>
      </c>
      <c r="L47" s="95">
        <v>0</v>
      </c>
      <c r="M47" s="95">
        <v>0</v>
      </c>
      <c r="N47" s="95">
        <v>0</v>
      </c>
      <c r="O47" s="95">
        <v>0</v>
      </c>
      <c r="P47" s="95">
        <v>0</v>
      </c>
      <c r="Q47" s="95">
        <v>0</v>
      </c>
      <c r="R47" s="95">
        <v>0</v>
      </c>
      <c r="S47" s="95">
        <v>0</v>
      </c>
      <c r="T47" s="95">
        <v>0</v>
      </c>
      <c r="U47" s="88">
        <v>0</v>
      </c>
    </row>
    <row r="48" spans="1:21" ht="10" customHeight="1" x14ac:dyDescent="0.2">
      <c r="A48" s="191" t="s">
        <v>75</v>
      </c>
      <c r="B48" s="192"/>
      <c r="C48" s="192"/>
      <c r="D48" s="193"/>
      <c r="E48" s="71"/>
      <c r="F48" s="71"/>
      <c r="G48" s="71"/>
      <c r="H48" s="71"/>
      <c r="I48" s="71"/>
      <c r="J48" s="72"/>
      <c r="K48" s="94">
        <v>2807954</v>
      </c>
      <c r="L48" s="95">
        <v>2346361</v>
      </c>
      <c r="M48" s="95">
        <v>402972</v>
      </c>
      <c r="N48" s="95">
        <v>397419</v>
      </c>
      <c r="O48" s="95">
        <v>438668</v>
      </c>
      <c r="P48" s="95">
        <v>937590</v>
      </c>
      <c r="Q48" s="95">
        <v>1250000</v>
      </c>
      <c r="R48" s="95">
        <v>1386000</v>
      </c>
      <c r="S48" s="95">
        <v>454770</v>
      </c>
      <c r="T48" s="95">
        <v>315943</v>
      </c>
      <c r="U48" s="88">
        <v>10737677</v>
      </c>
    </row>
    <row r="49" spans="1:21" ht="10" customHeight="1" x14ac:dyDescent="0.2">
      <c r="A49" s="61"/>
      <c r="B49" s="211" t="s">
        <v>76</v>
      </c>
      <c r="C49" s="170"/>
      <c r="D49" s="171"/>
      <c r="E49" s="71"/>
      <c r="F49" s="71"/>
      <c r="G49" s="71"/>
      <c r="H49" s="71"/>
      <c r="I49" s="71"/>
      <c r="J49" s="72"/>
      <c r="K49" s="94">
        <v>2807954</v>
      </c>
      <c r="L49" s="95">
        <v>2346361</v>
      </c>
      <c r="M49" s="95">
        <v>402972</v>
      </c>
      <c r="N49" s="95">
        <v>37613</v>
      </c>
      <c r="O49" s="95">
        <v>438668</v>
      </c>
      <c r="P49" s="95">
        <v>937590</v>
      </c>
      <c r="Q49" s="95">
        <v>1250000</v>
      </c>
      <c r="R49" s="95">
        <v>1386000</v>
      </c>
      <c r="S49" s="95">
        <v>454770</v>
      </c>
      <c r="T49" s="95">
        <v>195943</v>
      </c>
      <c r="U49" s="88">
        <v>10257871</v>
      </c>
    </row>
    <row r="50" spans="1:21" ht="10" customHeight="1" x14ac:dyDescent="0.2">
      <c r="A50" s="61"/>
      <c r="B50" s="212" t="s">
        <v>77</v>
      </c>
      <c r="C50" s="192"/>
      <c r="D50" s="193"/>
      <c r="E50" s="71"/>
      <c r="F50" s="71"/>
      <c r="G50" s="71"/>
      <c r="H50" s="71"/>
      <c r="I50" s="71"/>
      <c r="J50" s="72"/>
      <c r="K50" s="94">
        <v>0</v>
      </c>
      <c r="L50" s="95">
        <v>0</v>
      </c>
      <c r="M50" s="95">
        <v>0</v>
      </c>
      <c r="N50" s="95">
        <v>359806</v>
      </c>
      <c r="O50" s="95">
        <v>0</v>
      </c>
      <c r="P50" s="95">
        <v>0</v>
      </c>
      <c r="Q50" s="95">
        <v>0</v>
      </c>
      <c r="R50" s="95">
        <v>0</v>
      </c>
      <c r="S50" s="95">
        <v>0</v>
      </c>
      <c r="T50" s="95">
        <v>120000</v>
      </c>
      <c r="U50" s="88">
        <v>479806</v>
      </c>
    </row>
    <row r="51" spans="1:21" ht="10" customHeight="1" x14ac:dyDescent="0.2">
      <c r="A51" s="61"/>
      <c r="B51" s="96"/>
      <c r="C51" s="211" t="s">
        <v>78</v>
      </c>
      <c r="D51" s="171"/>
      <c r="E51" s="71"/>
      <c r="F51" s="71"/>
      <c r="G51" s="71"/>
      <c r="H51" s="71"/>
      <c r="I51" s="71"/>
      <c r="J51" s="72"/>
      <c r="K51" s="94">
        <v>0</v>
      </c>
      <c r="L51" s="95">
        <v>0</v>
      </c>
      <c r="M51" s="95">
        <v>0</v>
      </c>
      <c r="N51" s="95">
        <v>0</v>
      </c>
      <c r="O51" s="95">
        <v>0</v>
      </c>
      <c r="P51" s="95">
        <v>0</v>
      </c>
      <c r="Q51" s="95">
        <v>0</v>
      </c>
      <c r="R51" s="95">
        <v>0</v>
      </c>
      <c r="S51" s="95">
        <v>0</v>
      </c>
      <c r="T51" s="95">
        <v>120000</v>
      </c>
      <c r="U51" s="88">
        <v>120000</v>
      </c>
    </row>
    <row r="52" spans="1:21" ht="10" customHeight="1" x14ac:dyDescent="0.2">
      <c r="A52" s="106"/>
      <c r="B52" s="107"/>
      <c r="C52" s="213" t="s">
        <v>79</v>
      </c>
      <c r="D52" s="214"/>
      <c r="E52" s="71"/>
      <c r="F52" s="71"/>
      <c r="G52" s="71"/>
      <c r="H52" s="71"/>
      <c r="I52" s="71"/>
      <c r="J52" s="72"/>
      <c r="K52" s="108">
        <v>0</v>
      </c>
      <c r="L52" s="109">
        <v>0</v>
      </c>
      <c r="M52" s="109">
        <v>0</v>
      </c>
      <c r="N52" s="109">
        <v>359806</v>
      </c>
      <c r="O52" s="109">
        <v>0</v>
      </c>
      <c r="P52" s="109">
        <v>0</v>
      </c>
      <c r="Q52" s="109">
        <v>0</v>
      </c>
      <c r="R52" s="109">
        <v>0</v>
      </c>
      <c r="S52" s="109">
        <v>0</v>
      </c>
      <c r="T52" s="109">
        <v>0</v>
      </c>
      <c r="U52" s="110">
        <v>359806</v>
      </c>
    </row>
    <row r="53" spans="1:21" ht="10" customHeight="1" x14ac:dyDescent="0.2">
      <c r="A53" s="11"/>
      <c r="U53" s="99"/>
    </row>
    <row r="54" spans="1:21" ht="10" customHeight="1" x14ac:dyDescent="0.2">
      <c r="A54" s="220" t="s">
        <v>256</v>
      </c>
      <c r="B54" s="220"/>
      <c r="C54" s="221"/>
      <c r="D54" s="220"/>
      <c r="U54" s="99"/>
    </row>
    <row r="55" spans="1:21" ht="10" customHeight="1" x14ac:dyDescent="0.2">
      <c r="A55" s="186" t="s">
        <v>257</v>
      </c>
      <c r="B55" s="187"/>
      <c r="C55" s="222"/>
      <c r="D55" s="188"/>
      <c r="E55" s="71"/>
      <c r="F55" s="71"/>
      <c r="G55" s="71"/>
      <c r="H55" s="71"/>
      <c r="I55" s="71"/>
      <c r="J55" s="72"/>
      <c r="K55" s="90">
        <v>812804</v>
      </c>
      <c r="L55" s="91">
        <v>77173</v>
      </c>
      <c r="M55" s="91">
        <v>-34954</v>
      </c>
      <c r="N55" s="91">
        <v>49636</v>
      </c>
      <c r="O55" s="91">
        <v>-481556</v>
      </c>
      <c r="P55" s="91">
        <v>-698067</v>
      </c>
      <c r="Q55" s="91">
        <v>-979777</v>
      </c>
      <c r="R55" s="91">
        <v>-1010488</v>
      </c>
      <c r="S55" s="91">
        <v>-208130</v>
      </c>
      <c r="T55" s="91">
        <v>48442</v>
      </c>
      <c r="U55" s="92">
        <v>-2424917</v>
      </c>
    </row>
    <row r="56" spans="1:21" ht="10" customHeight="1" x14ac:dyDescent="0.2">
      <c r="A56" s="189" t="s">
        <v>258</v>
      </c>
      <c r="B56" s="170"/>
      <c r="C56" s="199"/>
      <c r="D56" s="171"/>
      <c r="E56" s="71"/>
      <c r="F56" s="71"/>
      <c r="G56" s="71"/>
      <c r="H56" s="71"/>
      <c r="I56" s="71"/>
      <c r="J56" s="72"/>
      <c r="K56" s="94">
        <v>153410</v>
      </c>
      <c r="L56" s="95">
        <v>-146717</v>
      </c>
      <c r="M56" s="95">
        <v>-63631</v>
      </c>
      <c r="N56" s="95">
        <v>-85739</v>
      </c>
      <c r="O56" s="95">
        <v>-212331</v>
      </c>
      <c r="P56" s="95">
        <v>-139922</v>
      </c>
      <c r="Q56" s="95">
        <v>-374154</v>
      </c>
      <c r="R56" s="95">
        <v>236262</v>
      </c>
      <c r="S56" s="95">
        <v>33382</v>
      </c>
      <c r="T56" s="95">
        <v>-48504</v>
      </c>
      <c r="U56" s="88">
        <v>-647944</v>
      </c>
    </row>
    <row r="57" spans="1:21" ht="10" customHeight="1" x14ac:dyDescent="0.2">
      <c r="A57" s="189" t="s">
        <v>259</v>
      </c>
      <c r="B57" s="170"/>
      <c r="C57" s="199"/>
      <c r="D57" s="171"/>
      <c r="E57" s="71"/>
      <c r="F57" s="71"/>
      <c r="G57" s="71"/>
      <c r="H57" s="71"/>
      <c r="I57" s="71"/>
      <c r="J57" s="72"/>
      <c r="K57" s="94">
        <v>-1826615</v>
      </c>
      <c r="L57" s="95">
        <v>-314661</v>
      </c>
      <c r="M57" s="95">
        <v>38398</v>
      </c>
      <c r="N57" s="95">
        <v>53489</v>
      </c>
      <c r="O57" s="95">
        <v>106756</v>
      </c>
      <c r="P57" s="95">
        <v>-247796</v>
      </c>
      <c r="Q57" s="95">
        <v>-464372</v>
      </c>
      <c r="R57" s="95">
        <v>779627</v>
      </c>
      <c r="S57" s="95">
        <v>-82639</v>
      </c>
      <c r="T57" s="95">
        <v>13068</v>
      </c>
      <c r="U57" s="88">
        <v>-1944745</v>
      </c>
    </row>
    <row r="58" spans="1:21" ht="10" customHeight="1" x14ac:dyDescent="0.2">
      <c r="A58" s="189" t="s">
        <v>80</v>
      </c>
      <c r="B58" s="170"/>
      <c r="C58" s="199"/>
      <c r="D58" s="171"/>
      <c r="E58" s="71"/>
      <c r="F58" s="71"/>
      <c r="G58" s="71"/>
      <c r="H58" s="71"/>
      <c r="I58" s="71"/>
      <c r="J58" s="72"/>
      <c r="K58" s="94">
        <v>0</v>
      </c>
      <c r="L58" s="95">
        <v>0</v>
      </c>
      <c r="M58" s="95">
        <v>0</v>
      </c>
      <c r="N58" s="95">
        <v>0</v>
      </c>
      <c r="O58" s="95">
        <v>0</v>
      </c>
      <c r="P58" s="95">
        <v>0</v>
      </c>
      <c r="Q58" s="95">
        <v>0</v>
      </c>
      <c r="R58" s="95">
        <v>0</v>
      </c>
      <c r="S58" s="95">
        <v>0</v>
      </c>
      <c r="T58" s="95">
        <v>0</v>
      </c>
      <c r="U58" s="88">
        <v>0</v>
      </c>
    </row>
    <row r="59" spans="1:21" ht="10" customHeight="1" x14ac:dyDescent="0.2">
      <c r="A59" s="189" t="s">
        <v>81</v>
      </c>
      <c r="B59" s="170"/>
      <c r="C59" s="199"/>
      <c r="D59" s="171"/>
      <c r="E59" s="71"/>
      <c r="F59" s="71"/>
      <c r="G59" s="71"/>
      <c r="H59" s="71"/>
      <c r="I59" s="71"/>
      <c r="J59" s="72"/>
      <c r="K59" s="94">
        <v>-860401</v>
      </c>
      <c r="L59" s="95">
        <v>-384205</v>
      </c>
      <c r="M59" s="95">
        <v>-60187</v>
      </c>
      <c r="N59" s="95">
        <v>17386</v>
      </c>
      <c r="O59" s="95">
        <v>-587131</v>
      </c>
      <c r="P59" s="95">
        <v>-1085785</v>
      </c>
      <c r="Q59" s="95">
        <v>-1818303</v>
      </c>
      <c r="R59" s="95">
        <v>5401</v>
      </c>
      <c r="S59" s="95">
        <v>-257387</v>
      </c>
      <c r="T59" s="95">
        <v>13006</v>
      </c>
      <c r="U59" s="88">
        <v>-5017606</v>
      </c>
    </row>
    <row r="60" spans="1:21" ht="10" customHeight="1" x14ac:dyDescent="0.2">
      <c r="A60" s="189" t="s">
        <v>82</v>
      </c>
      <c r="B60" s="170"/>
      <c r="C60" s="199"/>
      <c r="D60" s="171"/>
      <c r="E60" s="71"/>
      <c r="F60" s="71"/>
      <c r="G60" s="71"/>
      <c r="H60" s="71"/>
      <c r="I60" s="71"/>
      <c r="J60" s="72"/>
      <c r="K60" s="94">
        <v>1559112</v>
      </c>
      <c r="L60" s="95">
        <v>2410216</v>
      </c>
      <c r="M60" s="95">
        <v>2012051</v>
      </c>
      <c r="N60" s="95">
        <v>681894</v>
      </c>
      <c r="O60" s="95">
        <v>1860656</v>
      </c>
      <c r="P60" s="95">
        <v>2033662</v>
      </c>
      <c r="Q60" s="95">
        <v>2417847</v>
      </c>
      <c r="R60" s="95">
        <v>55509</v>
      </c>
      <c r="S60" s="95">
        <v>362850</v>
      </c>
      <c r="T60" s="95">
        <v>58318</v>
      </c>
      <c r="U60" s="88">
        <v>13452115</v>
      </c>
    </row>
    <row r="61" spans="1:21" ht="10" customHeight="1" x14ac:dyDescent="0.2">
      <c r="A61" s="218" t="s">
        <v>83</v>
      </c>
      <c r="B61" s="205"/>
      <c r="C61" s="219"/>
      <c r="D61" s="214"/>
      <c r="E61" s="71"/>
      <c r="F61" s="71"/>
      <c r="G61" s="71"/>
      <c r="H61" s="71"/>
      <c r="I61" s="71"/>
      <c r="J61" s="72"/>
      <c r="K61" s="108">
        <v>698711</v>
      </c>
      <c r="L61" s="109">
        <v>2026011</v>
      </c>
      <c r="M61" s="109">
        <v>1951864</v>
      </c>
      <c r="N61" s="109">
        <v>699280</v>
      </c>
      <c r="O61" s="109">
        <v>1273525</v>
      </c>
      <c r="P61" s="109">
        <v>947877</v>
      </c>
      <c r="Q61" s="109">
        <v>599544</v>
      </c>
      <c r="R61" s="109">
        <v>60910</v>
      </c>
      <c r="S61" s="109">
        <v>105463</v>
      </c>
      <c r="T61" s="109">
        <v>71324</v>
      </c>
      <c r="U61" s="110">
        <v>8434509</v>
      </c>
    </row>
    <row r="62" spans="1:21" ht="10" customHeight="1" x14ac:dyDescent="0.2">
      <c r="A62" s="11"/>
      <c r="B62" s="11"/>
      <c r="C62" s="11"/>
      <c r="D62" s="11"/>
      <c r="K62" s="10"/>
      <c r="L62" s="10"/>
      <c r="M62" s="10"/>
      <c r="N62" s="10"/>
      <c r="O62" s="10"/>
      <c r="P62" s="10"/>
      <c r="Q62" s="10"/>
      <c r="R62" s="10"/>
      <c r="S62" s="10"/>
      <c r="T62" s="10"/>
    </row>
    <row r="63" spans="1:21" ht="10" customHeight="1" x14ac:dyDescent="0.2">
      <c r="K63" s="10"/>
      <c r="L63" s="10"/>
      <c r="M63" s="10"/>
      <c r="N63" s="10"/>
      <c r="O63" s="10"/>
      <c r="P63" s="10"/>
      <c r="Q63" s="10"/>
      <c r="R63" s="10"/>
      <c r="S63" s="10"/>
      <c r="T63" s="10"/>
    </row>
  </sheetData>
  <mergeCells count="55">
    <mergeCell ref="A59:D59"/>
    <mergeCell ref="A60:D60"/>
    <mergeCell ref="A61:D61"/>
    <mergeCell ref="A54:D54"/>
    <mergeCell ref="A55:D55"/>
    <mergeCell ref="A56:D56"/>
    <mergeCell ref="A57:D57"/>
    <mergeCell ref="A58:D58"/>
    <mergeCell ref="A42:D42"/>
    <mergeCell ref="A43:D43"/>
    <mergeCell ref="A45:D45"/>
    <mergeCell ref="A46:D46"/>
    <mergeCell ref="A47:D47"/>
    <mergeCell ref="A44:D44"/>
    <mergeCell ref="A48:D48"/>
    <mergeCell ref="B49:D49"/>
    <mergeCell ref="B50:D50"/>
    <mergeCell ref="C51:D51"/>
    <mergeCell ref="C52:D52"/>
    <mergeCell ref="A41:D41"/>
    <mergeCell ref="B30:D30"/>
    <mergeCell ref="C31:D31"/>
    <mergeCell ref="C32:D32"/>
    <mergeCell ref="C33:D33"/>
    <mergeCell ref="C34:D34"/>
    <mergeCell ref="C35:D35"/>
    <mergeCell ref="B36:D36"/>
    <mergeCell ref="C37:D37"/>
    <mergeCell ref="C38:D38"/>
    <mergeCell ref="A39:D39"/>
    <mergeCell ref="A40:D40"/>
    <mergeCell ref="C29:D29"/>
    <mergeCell ref="C16:D16"/>
    <mergeCell ref="C19:D19"/>
    <mergeCell ref="B20:D20"/>
    <mergeCell ref="C21:D21"/>
    <mergeCell ref="C22:D22"/>
    <mergeCell ref="C23:D23"/>
    <mergeCell ref="A24:D24"/>
    <mergeCell ref="B25:D25"/>
    <mergeCell ref="C26:D26"/>
    <mergeCell ref="C27:D27"/>
    <mergeCell ref="C28:D28"/>
    <mergeCell ref="A1:D2"/>
    <mergeCell ref="B10:D10"/>
    <mergeCell ref="C11:D11"/>
    <mergeCell ref="C12:D12"/>
    <mergeCell ref="C13:D13"/>
    <mergeCell ref="C15:D15"/>
    <mergeCell ref="A3:D3"/>
    <mergeCell ref="B4:D4"/>
    <mergeCell ref="C5:D5"/>
    <mergeCell ref="C6:D6"/>
    <mergeCell ref="C7:D7"/>
    <mergeCell ref="C14:D14"/>
  </mergeCells>
  <phoneticPr fontId="3"/>
  <conditionalFormatting sqref="K3:T41 K43:T61">
    <cfRule type="cellIs" dxfId="9" priority="20" stopIfTrue="1" operator="equal">
      <formula>0</formula>
    </cfRule>
  </conditionalFormatting>
  <conditionalFormatting sqref="U1:U67">
    <cfRule type="cellIs" dxfId="8" priority="1" operator="equal">
      <formula>0</formula>
    </cfRule>
  </conditionalFormatting>
  <conditionalFormatting sqref="U69:U1048576">
    <cfRule type="cellIs" dxfId="7" priority="2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58" fitToWidth="0" orientation="portrait" useFirstPageNumber="1" r:id="rId1"/>
  <headerFooter scaleWithDoc="0">
    <oddHeader>&amp;L&amp;"ＭＳ ゴシック,標準"&amp;12Ⅳ　令和６年度地方公営企業事業別決算状況
　３　病院事業（法適用事業）&amp;R&amp;"ＭＳ ゴシック,標準"&amp;12
&amp;A</oddHeader>
    <oddFooter xml:space="preserve">&amp;C&amp;"ＭＳ ゴシック,標準"&amp;9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V73"/>
  <sheetViews>
    <sheetView view="pageBreakPreview" zoomScaleNormal="130" zoomScaleSheetLayoutView="100" workbookViewId="0">
      <selection sqref="A1:H2"/>
    </sheetView>
  </sheetViews>
  <sheetFormatPr defaultColWidth="9.6328125" defaultRowHeight="10" customHeight="1" x14ac:dyDescent="0.2"/>
  <cols>
    <col min="1" max="5" width="1.6328125" style="4" customWidth="1"/>
    <col min="6" max="6" width="19.453125" style="4" customWidth="1"/>
    <col min="7" max="10" width="0" style="4" hidden="1" customWidth="1"/>
    <col min="11" max="20" width="9.6328125" style="4" customWidth="1"/>
    <col min="21" max="21" width="11.6328125" style="4" customWidth="1"/>
    <col min="22" max="22" width="15" style="39" customWidth="1"/>
    <col min="23" max="16384" width="9.6328125" style="4"/>
  </cols>
  <sheetData>
    <row r="1" spans="1:21" ht="10" customHeight="1" x14ac:dyDescent="0.2">
      <c r="A1" s="159" t="s">
        <v>244</v>
      </c>
      <c r="B1" s="160"/>
      <c r="C1" s="160"/>
      <c r="D1" s="160"/>
      <c r="E1" s="160"/>
      <c r="F1" s="161"/>
      <c r="G1" s="1"/>
      <c r="H1" s="1"/>
      <c r="I1" s="1"/>
      <c r="J1" s="1"/>
      <c r="K1" s="31" t="s">
        <v>34</v>
      </c>
      <c r="L1" s="32" t="s">
        <v>35</v>
      </c>
      <c r="M1" s="32" t="s">
        <v>36</v>
      </c>
      <c r="N1" s="32" t="s">
        <v>37</v>
      </c>
      <c r="O1" s="32" t="s">
        <v>38</v>
      </c>
      <c r="P1" s="32" t="s">
        <v>39</v>
      </c>
      <c r="Q1" s="32" t="s">
        <v>40</v>
      </c>
      <c r="R1" s="32" t="s">
        <v>41</v>
      </c>
      <c r="S1" s="32" t="s">
        <v>42</v>
      </c>
      <c r="T1" s="32" t="s">
        <v>43</v>
      </c>
      <c r="U1" s="23" t="s">
        <v>96</v>
      </c>
    </row>
    <row r="2" spans="1:21" ht="10" customHeight="1" x14ac:dyDescent="0.2">
      <c r="A2" s="162"/>
      <c r="B2" s="163"/>
      <c r="C2" s="163"/>
      <c r="D2" s="163"/>
      <c r="E2" s="163"/>
      <c r="F2" s="164"/>
      <c r="G2" s="112"/>
      <c r="H2" s="112"/>
      <c r="I2" s="112"/>
      <c r="J2" s="112"/>
      <c r="K2" s="113" t="s">
        <v>33</v>
      </c>
      <c r="L2" s="114" t="s">
        <v>33</v>
      </c>
      <c r="M2" s="114" t="s">
        <v>33</v>
      </c>
      <c r="N2" s="114" t="s">
        <v>33</v>
      </c>
      <c r="O2" s="114" t="s">
        <v>33</v>
      </c>
      <c r="P2" s="114" t="s">
        <v>33</v>
      </c>
      <c r="Q2" s="114" t="s">
        <v>33</v>
      </c>
      <c r="R2" s="114" t="s">
        <v>33</v>
      </c>
      <c r="S2" s="114" t="s">
        <v>33</v>
      </c>
      <c r="T2" s="114" t="s">
        <v>33</v>
      </c>
      <c r="U2" s="26"/>
    </row>
    <row r="3" spans="1:21" ht="10" customHeight="1" x14ac:dyDescent="0.2">
      <c r="A3" s="223" t="s">
        <v>121</v>
      </c>
      <c r="B3" s="224" t="s">
        <v>85</v>
      </c>
      <c r="C3" s="208"/>
      <c r="D3" s="208"/>
      <c r="E3" s="208"/>
      <c r="F3" s="209"/>
      <c r="G3" s="42"/>
      <c r="H3" s="42"/>
      <c r="I3" s="42"/>
      <c r="J3" s="43"/>
      <c r="K3" s="115">
        <v>32493237</v>
      </c>
      <c r="L3" s="116">
        <v>19249108</v>
      </c>
      <c r="M3" s="116">
        <v>1545898</v>
      </c>
      <c r="N3" s="116">
        <v>1001087</v>
      </c>
      <c r="O3" s="116">
        <v>4255483</v>
      </c>
      <c r="P3" s="116">
        <v>13910005</v>
      </c>
      <c r="Q3" s="116">
        <v>11139130</v>
      </c>
      <c r="R3" s="116">
        <v>6721523</v>
      </c>
      <c r="S3" s="116">
        <v>931280</v>
      </c>
      <c r="T3" s="116">
        <v>1037367</v>
      </c>
      <c r="U3" s="92">
        <v>92284118</v>
      </c>
    </row>
    <row r="4" spans="1:21" ht="10" customHeight="1" x14ac:dyDescent="0.2">
      <c r="A4" s="165"/>
      <c r="B4" s="96"/>
      <c r="C4" s="210" t="s">
        <v>86</v>
      </c>
      <c r="D4" s="192"/>
      <c r="E4" s="192"/>
      <c r="F4" s="193"/>
      <c r="G4" s="48"/>
      <c r="H4" s="48"/>
      <c r="I4" s="48"/>
      <c r="J4" s="49"/>
      <c r="K4" s="117">
        <v>30441468</v>
      </c>
      <c r="L4" s="118">
        <v>18963573</v>
      </c>
      <c r="M4" s="118">
        <v>1519723</v>
      </c>
      <c r="N4" s="118">
        <v>1000396</v>
      </c>
      <c r="O4" s="118">
        <v>4254670</v>
      </c>
      <c r="P4" s="118">
        <v>12909219</v>
      </c>
      <c r="Q4" s="118">
        <v>11116651</v>
      </c>
      <c r="R4" s="118">
        <v>6211206</v>
      </c>
      <c r="S4" s="118">
        <v>908261</v>
      </c>
      <c r="T4" s="118">
        <v>1037367</v>
      </c>
      <c r="U4" s="88">
        <v>88362534</v>
      </c>
    </row>
    <row r="5" spans="1:21" ht="10" customHeight="1" x14ac:dyDescent="0.2">
      <c r="A5" s="165"/>
      <c r="B5" s="96"/>
      <c r="C5" s="96"/>
      <c r="D5" s="169" t="s">
        <v>87</v>
      </c>
      <c r="E5" s="170"/>
      <c r="F5" s="171"/>
      <c r="G5" s="48"/>
      <c r="H5" s="48"/>
      <c r="I5" s="48"/>
      <c r="J5" s="49"/>
      <c r="K5" s="117">
        <v>1547994</v>
      </c>
      <c r="L5" s="118">
        <v>7023745</v>
      </c>
      <c r="M5" s="118">
        <v>89057</v>
      </c>
      <c r="N5" s="118">
        <v>560305</v>
      </c>
      <c r="O5" s="118">
        <v>507565</v>
      </c>
      <c r="P5" s="118">
        <v>1210895</v>
      </c>
      <c r="Q5" s="118">
        <v>3063854</v>
      </c>
      <c r="R5" s="118">
        <v>0</v>
      </c>
      <c r="S5" s="118">
        <v>1908</v>
      </c>
      <c r="T5" s="118">
        <v>165553</v>
      </c>
      <c r="U5" s="88">
        <v>14170876</v>
      </c>
    </row>
    <row r="6" spans="1:21" ht="10" customHeight="1" x14ac:dyDescent="0.2">
      <c r="A6" s="165"/>
      <c r="B6" s="96"/>
      <c r="C6" s="96"/>
      <c r="D6" s="169" t="s">
        <v>88</v>
      </c>
      <c r="E6" s="170"/>
      <c r="F6" s="171"/>
      <c r="G6" s="48"/>
      <c r="H6" s="48"/>
      <c r="I6" s="48"/>
      <c r="J6" s="49"/>
      <c r="K6" s="117">
        <v>46250313</v>
      </c>
      <c r="L6" s="118">
        <v>37899654</v>
      </c>
      <c r="M6" s="118">
        <v>5208104</v>
      </c>
      <c r="N6" s="118">
        <v>2470458</v>
      </c>
      <c r="O6" s="118">
        <v>9635096</v>
      </c>
      <c r="P6" s="118">
        <v>18692104</v>
      </c>
      <c r="Q6" s="118">
        <v>22902363</v>
      </c>
      <c r="R6" s="118">
        <v>23405624</v>
      </c>
      <c r="S6" s="118">
        <v>3656794</v>
      </c>
      <c r="T6" s="118">
        <v>3929692</v>
      </c>
      <c r="U6" s="88">
        <v>174050202</v>
      </c>
    </row>
    <row r="7" spans="1:21" ht="10" customHeight="1" x14ac:dyDescent="0.2">
      <c r="A7" s="165"/>
      <c r="B7" s="96"/>
      <c r="C7" s="96"/>
      <c r="D7" s="56" t="s">
        <v>122</v>
      </c>
      <c r="E7" s="46"/>
      <c r="F7" s="47"/>
      <c r="G7" s="48"/>
      <c r="H7" s="48"/>
      <c r="I7" s="48"/>
      <c r="J7" s="49"/>
      <c r="K7" s="117">
        <v>157506</v>
      </c>
      <c r="L7" s="118">
        <v>1171231</v>
      </c>
      <c r="M7" s="118">
        <v>87999</v>
      </c>
      <c r="N7" s="118">
        <v>69837</v>
      </c>
      <c r="O7" s="118">
        <v>16378</v>
      </c>
      <c r="P7" s="118">
        <v>1606978</v>
      </c>
      <c r="Q7" s="118">
        <v>1999491</v>
      </c>
      <c r="R7" s="118">
        <v>1025340</v>
      </c>
      <c r="S7" s="118">
        <v>113618</v>
      </c>
      <c r="T7" s="118">
        <v>8137</v>
      </c>
      <c r="U7" s="88">
        <v>6256515</v>
      </c>
    </row>
    <row r="8" spans="1:21" ht="10" customHeight="1" x14ac:dyDescent="0.2">
      <c r="A8" s="165"/>
      <c r="B8" s="96"/>
      <c r="C8" s="96"/>
      <c r="D8" s="169" t="s">
        <v>276</v>
      </c>
      <c r="E8" s="170"/>
      <c r="F8" s="171"/>
      <c r="G8" s="48"/>
      <c r="H8" s="48"/>
      <c r="I8" s="48"/>
      <c r="J8" s="49"/>
      <c r="K8" s="119">
        <v>17373284</v>
      </c>
      <c r="L8" s="120">
        <v>25959826</v>
      </c>
      <c r="M8" s="120">
        <v>3777438</v>
      </c>
      <c r="N8" s="120">
        <v>2078067</v>
      </c>
      <c r="O8" s="120">
        <v>5891056</v>
      </c>
      <c r="P8" s="120">
        <v>6993780</v>
      </c>
      <c r="Q8" s="120">
        <v>15078486</v>
      </c>
      <c r="R8" s="120">
        <v>17194418</v>
      </c>
      <c r="S8" s="120">
        <v>2750441</v>
      </c>
      <c r="T8" s="120">
        <v>3057878</v>
      </c>
      <c r="U8" s="105">
        <v>100154674</v>
      </c>
    </row>
    <row r="9" spans="1:21" ht="10" customHeight="1" x14ac:dyDescent="0.2">
      <c r="A9" s="165"/>
      <c r="B9" s="96"/>
      <c r="C9" s="96"/>
      <c r="D9" s="169" t="s">
        <v>275</v>
      </c>
      <c r="E9" s="170"/>
      <c r="F9" s="171"/>
      <c r="G9" s="48"/>
      <c r="H9" s="48"/>
      <c r="I9" s="48"/>
      <c r="J9" s="49"/>
      <c r="K9" s="119">
        <v>86926</v>
      </c>
      <c r="L9" s="120">
        <v>614287</v>
      </c>
      <c r="M9" s="120">
        <v>79199</v>
      </c>
      <c r="N9" s="120">
        <v>54216</v>
      </c>
      <c r="O9" s="120">
        <v>12862</v>
      </c>
      <c r="P9" s="120">
        <v>949522</v>
      </c>
      <c r="Q9" s="120">
        <v>1245117</v>
      </c>
      <c r="R9" s="120">
        <v>962030</v>
      </c>
      <c r="S9" s="120">
        <v>53268</v>
      </c>
      <c r="T9" s="120">
        <v>5344</v>
      </c>
      <c r="U9" s="105">
        <v>4062771</v>
      </c>
    </row>
    <row r="10" spans="1:21" ht="10" customHeight="1" x14ac:dyDescent="0.2">
      <c r="A10" s="165"/>
      <c r="B10" s="96"/>
      <c r="C10" s="96"/>
      <c r="D10" s="169" t="s">
        <v>89</v>
      </c>
      <c r="E10" s="170"/>
      <c r="F10" s="171"/>
      <c r="G10" s="48"/>
      <c r="H10" s="48"/>
      <c r="I10" s="48"/>
      <c r="J10" s="49"/>
      <c r="K10" s="117">
        <v>13195</v>
      </c>
      <c r="L10" s="118">
        <v>0</v>
      </c>
      <c r="M10" s="118">
        <v>0</v>
      </c>
      <c r="N10" s="118">
        <v>47700</v>
      </c>
      <c r="O10" s="118">
        <v>3065</v>
      </c>
      <c r="P10" s="118">
        <v>0</v>
      </c>
      <c r="Q10" s="118">
        <v>228920</v>
      </c>
      <c r="R10" s="118">
        <v>0</v>
      </c>
      <c r="S10" s="118">
        <v>0</v>
      </c>
      <c r="T10" s="118">
        <v>0</v>
      </c>
      <c r="U10" s="88">
        <v>292880</v>
      </c>
    </row>
    <row r="11" spans="1:21" ht="10" customHeight="1" x14ac:dyDescent="0.2">
      <c r="A11" s="165"/>
      <c r="B11" s="96"/>
      <c r="C11" s="57"/>
      <c r="D11" s="169" t="s">
        <v>90</v>
      </c>
      <c r="E11" s="170"/>
      <c r="F11" s="171"/>
      <c r="G11" s="48"/>
      <c r="H11" s="48"/>
      <c r="I11" s="48"/>
      <c r="J11" s="49"/>
      <c r="K11" s="117"/>
      <c r="L11" s="118"/>
      <c r="M11" s="118"/>
      <c r="N11" s="118"/>
      <c r="O11" s="118"/>
      <c r="P11" s="118"/>
      <c r="Q11" s="118"/>
      <c r="R11" s="118"/>
      <c r="S11" s="118"/>
      <c r="T11" s="118"/>
      <c r="U11" s="88"/>
    </row>
    <row r="12" spans="1:21" ht="10" customHeight="1" x14ac:dyDescent="0.2">
      <c r="A12" s="165"/>
      <c r="B12" s="96"/>
      <c r="C12" s="169" t="s">
        <v>91</v>
      </c>
      <c r="D12" s="170"/>
      <c r="E12" s="170"/>
      <c r="F12" s="171"/>
      <c r="G12" s="48"/>
      <c r="H12" s="48"/>
      <c r="I12" s="48"/>
      <c r="J12" s="49"/>
      <c r="K12" s="117">
        <v>133739</v>
      </c>
      <c r="L12" s="118">
        <v>9713</v>
      </c>
      <c r="M12" s="118">
        <v>8047</v>
      </c>
      <c r="N12" s="118">
        <v>691</v>
      </c>
      <c r="O12" s="118">
        <v>813</v>
      </c>
      <c r="P12" s="118">
        <v>2360</v>
      </c>
      <c r="Q12" s="118">
        <v>1059</v>
      </c>
      <c r="R12" s="118">
        <v>2805</v>
      </c>
      <c r="S12" s="118">
        <v>23019</v>
      </c>
      <c r="T12" s="118">
        <v>0</v>
      </c>
      <c r="U12" s="88">
        <v>182246</v>
      </c>
    </row>
    <row r="13" spans="1:21" ht="10" customHeight="1" x14ac:dyDescent="0.2">
      <c r="A13" s="165"/>
      <c r="B13" s="57"/>
      <c r="C13" s="169" t="s">
        <v>123</v>
      </c>
      <c r="D13" s="170"/>
      <c r="E13" s="170"/>
      <c r="F13" s="171"/>
      <c r="G13" s="48"/>
      <c r="H13" s="48"/>
      <c r="I13" s="48"/>
      <c r="J13" s="49"/>
      <c r="K13" s="117">
        <v>1918030</v>
      </c>
      <c r="L13" s="118">
        <v>275822</v>
      </c>
      <c r="M13" s="118">
        <v>18128</v>
      </c>
      <c r="N13" s="118">
        <v>0</v>
      </c>
      <c r="O13" s="118">
        <v>0</v>
      </c>
      <c r="P13" s="118">
        <v>998426</v>
      </c>
      <c r="Q13" s="118">
        <v>21420</v>
      </c>
      <c r="R13" s="118">
        <v>507512</v>
      </c>
      <c r="S13" s="118">
        <v>0</v>
      </c>
      <c r="T13" s="118">
        <v>0</v>
      </c>
      <c r="U13" s="88">
        <v>3739338</v>
      </c>
    </row>
    <row r="14" spans="1:21" ht="10" customHeight="1" x14ac:dyDescent="0.2">
      <c r="A14" s="165"/>
      <c r="B14" s="210" t="s">
        <v>92</v>
      </c>
      <c r="C14" s="192"/>
      <c r="D14" s="192"/>
      <c r="E14" s="192"/>
      <c r="F14" s="193"/>
      <c r="G14" s="48"/>
      <c r="H14" s="48"/>
      <c r="I14" s="48"/>
      <c r="J14" s="49"/>
      <c r="K14" s="117">
        <v>4627169</v>
      </c>
      <c r="L14" s="118">
        <v>5057205</v>
      </c>
      <c r="M14" s="118">
        <v>2363680</v>
      </c>
      <c r="N14" s="118">
        <v>905524</v>
      </c>
      <c r="O14" s="118">
        <v>1806312</v>
      </c>
      <c r="P14" s="118">
        <v>2836589</v>
      </c>
      <c r="Q14" s="118">
        <v>2717582</v>
      </c>
      <c r="R14" s="118">
        <v>1663128</v>
      </c>
      <c r="S14" s="118">
        <v>529773</v>
      </c>
      <c r="T14" s="118">
        <v>166022</v>
      </c>
      <c r="U14" s="88">
        <v>22672984</v>
      </c>
    </row>
    <row r="15" spans="1:21" ht="10" customHeight="1" x14ac:dyDescent="0.2">
      <c r="A15" s="165"/>
      <c r="B15" s="96"/>
      <c r="C15" s="169" t="s">
        <v>93</v>
      </c>
      <c r="D15" s="170"/>
      <c r="E15" s="170"/>
      <c r="F15" s="171"/>
      <c r="G15" s="48"/>
      <c r="H15" s="48"/>
      <c r="I15" s="48"/>
      <c r="J15" s="49"/>
      <c r="K15" s="117">
        <v>698711</v>
      </c>
      <c r="L15" s="118">
        <v>2026011</v>
      </c>
      <c r="M15" s="118">
        <v>1951864</v>
      </c>
      <c r="N15" s="118">
        <v>699280</v>
      </c>
      <c r="O15" s="118">
        <v>1273525</v>
      </c>
      <c r="P15" s="118">
        <v>947877</v>
      </c>
      <c r="Q15" s="118">
        <v>599544</v>
      </c>
      <c r="R15" s="118">
        <v>60910</v>
      </c>
      <c r="S15" s="118">
        <v>105463</v>
      </c>
      <c r="T15" s="118">
        <v>71324</v>
      </c>
      <c r="U15" s="88">
        <v>8434509</v>
      </c>
    </row>
    <row r="16" spans="1:21" ht="10" customHeight="1" x14ac:dyDescent="0.2">
      <c r="A16" s="165"/>
      <c r="B16" s="96"/>
      <c r="C16" s="169" t="s">
        <v>260</v>
      </c>
      <c r="D16" s="170"/>
      <c r="E16" s="170"/>
      <c r="F16" s="171"/>
      <c r="G16" s="48"/>
      <c r="H16" s="48"/>
      <c r="I16" s="48"/>
      <c r="J16" s="49"/>
      <c r="K16" s="117">
        <v>3816192</v>
      </c>
      <c r="L16" s="118">
        <v>2943937</v>
      </c>
      <c r="M16" s="118">
        <v>400830</v>
      </c>
      <c r="N16" s="118">
        <v>201098</v>
      </c>
      <c r="O16" s="118">
        <v>520307</v>
      </c>
      <c r="P16" s="118">
        <v>1841189</v>
      </c>
      <c r="Q16" s="118">
        <v>1937501</v>
      </c>
      <c r="R16" s="118">
        <v>1476570</v>
      </c>
      <c r="S16" s="118">
        <v>415433</v>
      </c>
      <c r="T16" s="118">
        <v>88989</v>
      </c>
      <c r="U16" s="88">
        <v>13642046</v>
      </c>
    </row>
    <row r="17" spans="1:21" ht="10" customHeight="1" x14ac:dyDescent="0.2">
      <c r="A17" s="165"/>
      <c r="B17" s="96"/>
      <c r="C17" s="169" t="s">
        <v>277</v>
      </c>
      <c r="D17" s="170"/>
      <c r="E17" s="170"/>
      <c r="F17" s="171"/>
      <c r="G17" s="48"/>
      <c r="H17" s="48"/>
      <c r="I17" s="48"/>
      <c r="J17" s="49"/>
      <c r="K17" s="119">
        <v>0</v>
      </c>
      <c r="L17" s="120">
        <v>4184</v>
      </c>
      <c r="M17" s="120">
        <v>6613</v>
      </c>
      <c r="N17" s="120">
        <v>312</v>
      </c>
      <c r="O17" s="120">
        <v>2000</v>
      </c>
      <c r="P17" s="120">
        <v>4731</v>
      </c>
      <c r="Q17" s="120">
        <v>2386</v>
      </c>
      <c r="R17" s="120">
        <v>6500</v>
      </c>
      <c r="S17" s="120">
        <v>7418</v>
      </c>
      <c r="T17" s="120">
        <v>108</v>
      </c>
      <c r="U17" s="105">
        <v>34252</v>
      </c>
    </row>
    <row r="18" spans="1:21" ht="10" customHeight="1" x14ac:dyDescent="0.2">
      <c r="A18" s="165"/>
      <c r="B18" s="96"/>
      <c r="C18" s="169" t="s">
        <v>94</v>
      </c>
      <c r="D18" s="170"/>
      <c r="E18" s="170"/>
      <c r="F18" s="171"/>
      <c r="G18" s="48"/>
      <c r="H18" s="48"/>
      <c r="I18" s="48"/>
      <c r="J18" s="49"/>
      <c r="K18" s="117">
        <v>106271</v>
      </c>
      <c r="L18" s="118">
        <v>89530</v>
      </c>
      <c r="M18" s="118">
        <v>17599</v>
      </c>
      <c r="N18" s="118">
        <v>5458</v>
      </c>
      <c r="O18" s="118">
        <v>14480</v>
      </c>
      <c r="P18" s="118">
        <v>52254</v>
      </c>
      <c r="Q18" s="118">
        <v>180944</v>
      </c>
      <c r="R18" s="118">
        <v>129761</v>
      </c>
      <c r="S18" s="118">
        <v>16295</v>
      </c>
      <c r="T18" s="118">
        <v>5817</v>
      </c>
      <c r="U18" s="88">
        <v>618409</v>
      </c>
    </row>
    <row r="19" spans="1:21" ht="10" customHeight="1" x14ac:dyDescent="0.2">
      <c r="A19" s="165"/>
      <c r="B19" s="57"/>
      <c r="C19" s="169" t="s">
        <v>95</v>
      </c>
      <c r="D19" s="170"/>
      <c r="E19" s="170"/>
      <c r="F19" s="171"/>
      <c r="G19" s="48"/>
      <c r="H19" s="48"/>
      <c r="I19" s="48"/>
      <c r="J19" s="49"/>
      <c r="K19" s="117">
        <v>0</v>
      </c>
      <c r="L19" s="118">
        <v>0</v>
      </c>
      <c r="M19" s="118">
        <v>0</v>
      </c>
      <c r="N19" s="118">
        <v>0</v>
      </c>
      <c r="O19" s="118">
        <v>0</v>
      </c>
      <c r="P19" s="118">
        <v>0</v>
      </c>
      <c r="Q19" s="118">
        <v>0</v>
      </c>
      <c r="R19" s="118">
        <v>0</v>
      </c>
      <c r="S19" s="118">
        <v>0</v>
      </c>
      <c r="T19" s="118">
        <v>0</v>
      </c>
      <c r="U19" s="88">
        <v>0</v>
      </c>
    </row>
    <row r="20" spans="1:21" ht="10" customHeight="1" x14ac:dyDescent="0.2">
      <c r="A20" s="165"/>
      <c r="B20" s="169" t="s">
        <v>124</v>
      </c>
      <c r="C20" s="170"/>
      <c r="D20" s="170"/>
      <c r="E20" s="170"/>
      <c r="F20" s="171"/>
      <c r="G20" s="48"/>
      <c r="H20" s="48"/>
      <c r="I20" s="48"/>
      <c r="J20" s="49"/>
      <c r="K20" s="117">
        <v>0</v>
      </c>
      <c r="L20" s="118">
        <v>0</v>
      </c>
      <c r="M20" s="118">
        <v>0</v>
      </c>
      <c r="N20" s="118">
        <v>0</v>
      </c>
      <c r="O20" s="118">
        <v>0</v>
      </c>
      <c r="P20" s="118">
        <v>0</v>
      </c>
      <c r="Q20" s="118">
        <v>0</v>
      </c>
      <c r="R20" s="118">
        <v>0</v>
      </c>
      <c r="S20" s="118">
        <v>20</v>
      </c>
      <c r="T20" s="118">
        <v>0</v>
      </c>
      <c r="U20" s="88">
        <v>20</v>
      </c>
    </row>
    <row r="21" spans="1:21" ht="10" customHeight="1" x14ac:dyDescent="0.2">
      <c r="A21" s="185"/>
      <c r="B21" s="169" t="s">
        <v>96</v>
      </c>
      <c r="C21" s="170"/>
      <c r="D21" s="170"/>
      <c r="E21" s="170"/>
      <c r="F21" s="171"/>
      <c r="G21" s="48"/>
      <c r="H21" s="48"/>
      <c r="I21" s="48"/>
      <c r="J21" s="49"/>
      <c r="K21" s="117">
        <v>37120406</v>
      </c>
      <c r="L21" s="118">
        <v>24306313</v>
      </c>
      <c r="M21" s="118">
        <v>3909578</v>
      </c>
      <c r="N21" s="118">
        <v>1906611</v>
      </c>
      <c r="O21" s="118">
        <v>6061795</v>
      </c>
      <c r="P21" s="118">
        <v>16746594</v>
      </c>
      <c r="Q21" s="118">
        <v>13856712</v>
      </c>
      <c r="R21" s="118">
        <v>8384651</v>
      </c>
      <c r="S21" s="118">
        <v>1461073</v>
      </c>
      <c r="T21" s="118">
        <v>1203389</v>
      </c>
      <c r="U21" s="88">
        <v>114957122</v>
      </c>
    </row>
    <row r="22" spans="1:21" ht="10" customHeight="1" x14ac:dyDescent="0.2">
      <c r="A22" s="184" t="s">
        <v>125</v>
      </c>
      <c r="B22" s="210" t="s">
        <v>97</v>
      </c>
      <c r="C22" s="192"/>
      <c r="D22" s="192"/>
      <c r="E22" s="192"/>
      <c r="F22" s="193"/>
      <c r="G22" s="48"/>
      <c r="H22" s="48"/>
      <c r="I22" s="48"/>
      <c r="J22" s="49"/>
      <c r="K22" s="117">
        <v>30131573</v>
      </c>
      <c r="L22" s="118">
        <v>4035412</v>
      </c>
      <c r="M22" s="118">
        <v>153921</v>
      </c>
      <c r="N22" s="118">
        <v>231020</v>
      </c>
      <c r="O22" s="118">
        <v>3653932</v>
      </c>
      <c r="P22" s="118">
        <v>8584826</v>
      </c>
      <c r="Q22" s="118">
        <v>4651269</v>
      </c>
      <c r="R22" s="118">
        <v>1265440</v>
      </c>
      <c r="S22" s="118">
        <v>726637</v>
      </c>
      <c r="T22" s="118">
        <v>597776</v>
      </c>
      <c r="U22" s="88">
        <v>54031806</v>
      </c>
    </row>
    <row r="23" spans="1:21" ht="10" customHeight="1" x14ac:dyDescent="0.2">
      <c r="A23" s="165"/>
      <c r="B23" s="121"/>
      <c r="C23" s="169" t="s">
        <v>126</v>
      </c>
      <c r="D23" s="170"/>
      <c r="E23" s="170"/>
      <c r="F23" s="171"/>
      <c r="G23" s="48"/>
      <c r="H23" s="48"/>
      <c r="I23" s="48"/>
      <c r="J23" s="49"/>
      <c r="K23" s="117">
        <v>26386628</v>
      </c>
      <c r="L23" s="118">
        <v>461550</v>
      </c>
      <c r="M23" s="118">
        <v>153921</v>
      </c>
      <c r="N23" s="118">
        <v>46409</v>
      </c>
      <c r="O23" s="118">
        <v>3332113</v>
      </c>
      <c r="P23" s="118">
        <v>7289992</v>
      </c>
      <c r="Q23" s="118">
        <v>4069491</v>
      </c>
      <c r="R23" s="118">
        <v>1119808</v>
      </c>
      <c r="S23" s="118">
        <v>52907</v>
      </c>
      <c r="T23" s="118">
        <v>597776</v>
      </c>
      <c r="U23" s="88">
        <v>43510595</v>
      </c>
    </row>
    <row r="24" spans="1:21" ht="10" customHeight="1" x14ac:dyDescent="0.2">
      <c r="A24" s="165"/>
      <c r="B24" s="96"/>
      <c r="C24" s="169" t="s">
        <v>127</v>
      </c>
      <c r="D24" s="170"/>
      <c r="E24" s="170"/>
      <c r="F24" s="171"/>
      <c r="G24" s="48"/>
      <c r="H24" s="48"/>
      <c r="I24" s="48"/>
      <c r="J24" s="49"/>
      <c r="K24" s="117">
        <v>0</v>
      </c>
      <c r="L24" s="118">
        <v>0</v>
      </c>
      <c r="M24" s="118">
        <v>0</v>
      </c>
      <c r="N24" s="118">
        <v>0</v>
      </c>
      <c r="O24" s="118">
        <v>0</v>
      </c>
      <c r="P24" s="118">
        <v>585851</v>
      </c>
      <c r="Q24" s="118">
        <v>0</v>
      </c>
      <c r="R24" s="118">
        <v>141312</v>
      </c>
      <c r="S24" s="118">
        <v>0</v>
      </c>
      <c r="T24" s="118">
        <v>0</v>
      </c>
      <c r="U24" s="88">
        <v>727163</v>
      </c>
    </row>
    <row r="25" spans="1:21" ht="10" customHeight="1" x14ac:dyDescent="0.2">
      <c r="A25" s="165"/>
      <c r="B25" s="96"/>
      <c r="C25" s="169" t="s">
        <v>98</v>
      </c>
      <c r="D25" s="170"/>
      <c r="E25" s="170"/>
      <c r="F25" s="171"/>
      <c r="G25" s="48"/>
      <c r="H25" s="48"/>
      <c r="I25" s="48"/>
      <c r="J25" s="49"/>
      <c r="K25" s="117">
        <v>0</v>
      </c>
      <c r="L25" s="118">
        <v>0</v>
      </c>
      <c r="M25" s="118">
        <v>0</v>
      </c>
      <c r="N25" s="118">
        <v>0</v>
      </c>
      <c r="O25" s="118">
        <v>0</v>
      </c>
      <c r="P25" s="118">
        <v>0</v>
      </c>
      <c r="Q25" s="118">
        <v>0</v>
      </c>
      <c r="R25" s="118">
        <v>0</v>
      </c>
      <c r="S25" s="118">
        <v>0</v>
      </c>
      <c r="T25" s="118">
        <v>0</v>
      </c>
      <c r="U25" s="88">
        <v>0</v>
      </c>
    </row>
    <row r="26" spans="1:21" ht="10" customHeight="1" x14ac:dyDescent="0.2">
      <c r="A26" s="165"/>
      <c r="B26" s="96"/>
      <c r="C26" s="181" t="s">
        <v>128</v>
      </c>
      <c r="D26" s="182"/>
      <c r="E26" s="182"/>
      <c r="F26" s="183"/>
      <c r="G26" s="48"/>
      <c r="H26" s="48"/>
      <c r="I26" s="48"/>
      <c r="J26" s="49"/>
      <c r="K26" s="117">
        <v>0</v>
      </c>
      <c r="L26" s="118">
        <v>0</v>
      </c>
      <c r="M26" s="118">
        <v>0</v>
      </c>
      <c r="N26" s="118">
        <v>0</v>
      </c>
      <c r="O26" s="118">
        <v>0</v>
      </c>
      <c r="P26" s="118">
        <v>0</v>
      </c>
      <c r="Q26" s="118">
        <v>0</v>
      </c>
      <c r="R26" s="118">
        <v>0</v>
      </c>
      <c r="S26" s="118">
        <v>0</v>
      </c>
      <c r="T26" s="118">
        <v>0</v>
      </c>
      <c r="U26" s="88">
        <v>0</v>
      </c>
    </row>
    <row r="27" spans="1:21" ht="10" customHeight="1" x14ac:dyDescent="0.2">
      <c r="A27" s="165"/>
      <c r="B27" s="96"/>
      <c r="C27" s="169" t="s">
        <v>129</v>
      </c>
      <c r="D27" s="170"/>
      <c r="E27" s="170"/>
      <c r="F27" s="171"/>
      <c r="G27" s="48"/>
      <c r="H27" s="48"/>
      <c r="I27" s="48"/>
      <c r="J27" s="49"/>
      <c r="K27" s="117">
        <v>0</v>
      </c>
      <c r="L27" s="118">
        <v>0</v>
      </c>
      <c r="M27" s="118">
        <v>0</v>
      </c>
      <c r="N27" s="118">
        <v>0</v>
      </c>
      <c r="O27" s="118">
        <v>0</v>
      </c>
      <c r="P27" s="118">
        <v>0</v>
      </c>
      <c r="Q27" s="118">
        <v>0</v>
      </c>
      <c r="R27" s="118">
        <v>0</v>
      </c>
      <c r="S27" s="118">
        <v>0</v>
      </c>
      <c r="T27" s="118">
        <v>0</v>
      </c>
      <c r="U27" s="88">
        <v>0</v>
      </c>
    </row>
    <row r="28" spans="1:21" ht="10" customHeight="1" x14ac:dyDescent="0.2">
      <c r="A28" s="165"/>
      <c r="B28" s="96"/>
      <c r="C28" s="169" t="s">
        <v>130</v>
      </c>
      <c r="D28" s="170"/>
      <c r="E28" s="170"/>
      <c r="F28" s="171"/>
      <c r="G28" s="48"/>
      <c r="H28" s="48"/>
      <c r="I28" s="48"/>
      <c r="J28" s="49"/>
      <c r="K28" s="117">
        <v>3593090</v>
      </c>
      <c r="L28" s="118">
        <v>3126835</v>
      </c>
      <c r="M28" s="118">
        <v>0</v>
      </c>
      <c r="N28" s="118">
        <v>179484</v>
      </c>
      <c r="O28" s="118">
        <v>321819</v>
      </c>
      <c r="P28" s="118">
        <v>235022</v>
      </c>
      <c r="Q28" s="118">
        <v>0</v>
      </c>
      <c r="R28" s="118">
        <v>0</v>
      </c>
      <c r="S28" s="118">
        <v>647703</v>
      </c>
      <c r="T28" s="118">
        <v>0</v>
      </c>
      <c r="U28" s="88">
        <v>8103953</v>
      </c>
    </row>
    <row r="29" spans="1:21" ht="10" customHeight="1" x14ac:dyDescent="0.2">
      <c r="A29" s="165"/>
      <c r="B29" s="96"/>
      <c r="C29" s="169" t="s">
        <v>131</v>
      </c>
      <c r="D29" s="170"/>
      <c r="E29" s="170"/>
      <c r="F29" s="171"/>
      <c r="G29" s="48"/>
      <c r="H29" s="48"/>
      <c r="I29" s="48"/>
      <c r="J29" s="49"/>
      <c r="K29" s="117">
        <v>151855</v>
      </c>
      <c r="L29" s="118">
        <v>447027</v>
      </c>
      <c r="M29" s="118">
        <v>0</v>
      </c>
      <c r="N29" s="118">
        <v>5127</v>
      </c>
      <c r="O29" s="118">
        <v>0</v>
      </c>
      <c r="P29" s="118">
        <v>473961</v>
      </c>
      <c r="Q29" s="118">
        <v>579778</v>
      </c>
      <c r="R29" s="118">
        <v>0</v>
      </c>
      <c r="S29" s="118">
        <v>26027</v>
      </c>
      <c r="T29" s="118">
        <v>0</v>
      </c>
      <c r="U29" s="88">
        <v>1683775</v>
      </c>
    </row>
    <row r="30" spans="1:21" ht="10" customHeight="1" x14ac:dyDescent="0.2">
      <c r="A30" s="165"/>
      <c r="B30" s="96"/>
      <c r="C30" s="169" t="s">
        <v>132</v>
      </c>
      <c r="D30" s="170"/>
      <c r="E30" s="170"/>
      <c r="F30" s="171"/>
      <c r="G30" s="48"/>
      <c r="H30" s="48"/>
      <c r="I30" s="48"/>
      <c r="J30" s="49"/>
      <c r="K30" s="117">
        <v>0</v>
      </c>
      <c r="L30" s="118">
        <v>0</v>
      </c>
      <c r="M30" s="118">
        <v>0</v>
      </c>
      <c r="N30" s="118">
        <v>0</v>
      </c>
      <c r="O30" s="118">
        <v>0</v>
      </c>
      <c r="P30" s="118">
        <v>0</v>
      </c>
      <c r="Q30" s="118">
        <v>2000</v>
      </c>
      <c r="R30" s="118">
        <v>4320</v>
      </c>
      <c r="S30" s="118">
        <v>0</v>
      </c>
      <c r="T30" s="118">
        <v>0</v>
      </c>
      <c r="U30" s="88">
        <v>6320</v>
      </c>
    </row>
    <row r="31" spans="1:21" ht="10" customHeight="1" x14ac:dyDescent="0.2">
      <c r="A31" s="165"/>
      <c r="B31" s="210" t="s">
        <v>99</v>
      </c>
      <c r="C31" s="192"/>
      <c r="D31" s="192"/>
      <c r="E31" s="192"/>
      <c r="F31" s="193"/>
      <c r="G31" s="48"/>
      <c r="H31" s="48"/>
      <c r="I31" s="48"/>
      <c r="J31" s="49"/>
      <c r="K31" s="117">
        <v>4409317</v>
      </c>
      <c r="L31" s="118">
        <v>2716400</v>
      </c>
      <c r="M31" s="118">
        <v>291176</v>
      </c>
      <c r="N31" s="118">
        <v>249251</v>
      </c>
      <c r="O31" s="118">
        <v>747451</v>
      </c>
      <c r="P31" s="118">
        <v>2336263</v>
      </c>
      <c r="Q31" s="118">
        <v>2239398</v>
      </c>
      <c r="R31" s="118">
        <v>3699876</v>
      </c>
      <c r="S31" s="118">
        <v>378526</v>
      </c>
      <c r="T31" s="118">
        <v>232806</v>
      </c>
      <c r="U31" s="88">
        <v>17300464</v>
      </c>
    </row>
    <row r="32" spans="1:21" ht="10" customHeight="1" x14ac:dyDescent="0.2">
      <c r="A32" s="165"/>
      <c r="B32" s="96"/>
      <c r="C32" s="181" t="s">
        <v>126</v>
      </c>
      <c r="D32" s="182"/>
      <c r="E32" s="182"/>
      <c r="F32" s="183"/>
      <c r="G32" s="48"/>
      <c r="H32" s="48"/>
      <c r="I32" s="48"/>
      <c r="J32" s="49"/>
      <c r="K32" s="117">
        <v>1522437</v>
      </c>
      <c r="L32" s="118">
        <v>153850</v>
      </c>
      <c r="M32" s="118">
        <v>43880</v>
      </c>
      <c r="N32" s="118">
        <v>11291</v>
      </c>
      <c r="O32" s="118">
        <v>280927</v>
      </c>
      <c r="P32" s="118">
        <v>436966</v>
      </c>
      <c r="Q32" s="118">
        <v>463095</v>
      </c>
      <c r="R32" s="118">
        <v>765425</v>
      </c>
      <c r="S32" s="118">
        <v>61238</v>
      </c>
      <c r="T32" s="118">
        <v>118070</v>
      </c>
      <c r="U32" s="88">
        <v>3857179</v>
      </c>
    </row>
    <row r="33" spans="1:21" ht="10" customHeight="1" x14ac:dyDescent="0.2">
      <c r="A33" s="165"/>
      <c r="B33" s="96"/>
      <c r="C33" s="181" t="s">
        <v>127</v>
      </c>
      <c r="D33" s="182"/>
      <c r="E33" s="182"/>
      <c r="F33" s="183"/>
      <c r="G33" s="48"/>
      <c r="H33" s="48"/>
      <c r="I33" s="48"/>
      <c r="J33" s="49"/>
      <c r="K33" s="117">
        <v>0</v>
      </c>
      <c r="L33" s="118">
        <v>0</v>
      </c>
      <c r="M33" s="118">
        <v>0</v>
      </c>
      <c r="N33" s="118">
        <v>0</v>
      </c>
      <c r="O33" s="118">
        <v>0</v>
      </c>
      <c r="P33" s="118">
        <v>61345</v>
      </c>
      <c r="Q33" s="118">
        <v>0</v>
      </c>
      <c r="R33" s="118">
        <v>14875</v>
      </c>
      <c r="S33" s="118">
        <v>0</v>
      </c>
      <c r="T33" s="118">
        <v>0</v>
      </c>
      <c r="U33" s="88">
        <v>76220</v>
      </c>
    </row>
    <row r="34" spans="1:21" ht="10" customHeight="1" x14ac:dyDescent="0.2">
      <c r="A34" s="165"/>
      <c r="B34" s="96"/>
      <c r="C34" s="181" t="s">
        <v>128</v>
      </c>
      <c r="D34" s="182"/>
      <c r="E34" s="182"/>
      <c r="F34" s="183"/>
      <c r="G34" s="48"/>
      <c r="H34" s="48"/>
      <c r="I34" s="48"/>
      <c r="J34" s="49"/>
      <c r="K34" s="117">
        <v>0</v>
      </c>
      <c r="L34" s="118">
        <v>0</v>
      </c>
      <c r="M34" s="118">
        <v>0</v>
      </c>
      <c r="N34" s="118">
        <v>0</v>
      </c>
      <c r="O34" s="118">
        <v>0</v>
      </c>
      <c r="P34" s="118">
        <v>0</v>
      </c>
      <c r="Q34" s="118">
        <v>0</v>
      </c>
      <c r="R34" s="118">
        <v>0</v>
      </c>
      <c r="S34" s="118">
        <v>0</v>
      </c>
      <c r="T34" s="118">
        <v>0</v>
      </c>
      <c r="U34" s="88">
        <v>0</v>
      </c>
    </row>
    <row r="35" spans="1:21" ht="10" customHeight="1" x14ac:dyDescent="0.2">
      <c r="A35" s="165"/>
      <c r="B35" s="96"/>
      <c r="C35" s="181" t="s">
        <v>129</v>
      </c>
      <c r="D35" s="182"/>
      <c r="E35" s="182"/>
      <c r="F35" s="183"/>
      <c r="G35" s="48"/>
      <c r="H35" s="48"/>
      <c r="I35" s="48"/>
      <c r="J35" s="49"/>
      <c r="K35" s="117">
        <v>0</v>
      </c>
      <c r="L35" s="118">
        <v>0</v>
      </c>
      <c r="M35" s="118">
        <v>0</v>
      </c>
      <c r="N35" s="118">
        <v>0</v>
      </c>
      <c r="O35" s="118">
        <v>0</v>
      </c>
      <c r="P35" s="118">
        <v>0</v>
      </c>
      <c r="Q35" s="118">
        <v>0</v>
      </c>
      <c r="R35" s="118">
        <v>0</v>
      </c>
      <c r="S35" s="118">
        <v>0</v>
      </c>
      <c r="T35" s="118">
        <v>0</v>
      </c>
      <c r="U35" s="88">
        <v>0</v>
      </c>
    </row>
    <row r="36" spans="1:21" ht="10" customHeight="1" x14ac:dyDescent="0.2">
      <c r="A36" s="165"/>
      <c r="B36" s="96"/>
      <c r="C36" s="181" t="s">
        <v>130</v>
      </c>
      <c r="D36" s="182"/>
      <c r="E36" s="182"/>
      <c r="F36" s="183"/>
      <c r="G36" s="48"/>
      <c r="H36" s="48"/>
      <c r="I36" s="48"/>
      <c r="J36" s="49"/>
      <c r="K36" s="117">
        <v>915037</v>
      </c>
      <c r="L36" s="118">
        <v>677881</v>
      </c>
      <c r="M36" s="118">
        <v>134572</v>
      </c>
      <c r="N36" s="118">
        <v>61631</v>
      </c>
      <c r="O36" s="118">
        <v>150751</v>
      </c>
      <c r="P36" s="118">
        <v>368767</v>
      </c>
      <c r="Q36" s="118">
        <v>441100</v>
      </c>
      <c r="R36" s="118">
        <v>360000</v>
      </c>
      <c r="S36" s="118">
        <v>115071</v>
      </c>
      <c r="T36" s="118">
        <v>50407</v>
      </c>
      <c r="U36" s="88">
        <v>3275217</v>
      </c>
    </row>
    <row r="37" spans="1:21" ht="10" customHeight="1" x14ac:dyDescent="0.2">
      <c r="A37" s="165"/>
      <c r="B37" s="96"/>
      <c r="C37" s="181" t="s">
        <v>133</v>
      </c>
      <c r="D37" s="182"/>
      <c r="E37" s="182"/>
      <c r="F37" s="183"/>
      <c r="G37" s="48"/>
      <c r="H37" s="48"/>
      <c r="I37" s="48"/>
      <c r="J37" s="49"/>
      <c r="K37" s="117">
        <v>71362</v>
      </c>
      <c r="L37" s="118">
        <v>176438</v>
      </c>
      <c r="M37" s="118">
        <v>0</v>
      </c>
      <c r="N37" s="118">
        <v>3548</v>
      </c>
      <c r="O37" s="118">
        <v>1368</v>
      </c>
      <c r="P37" s="118">
        <v>184292</v>
      </c>
      <c r="Q37" s="118">
        <v>320093</v>
      </c>
      <c r="R37" s="118">
        <v>26240</v>
      </c>
      <c r="S37" s="118">
        <v>21650</v>
      </c>
      <c r="T37" s="118">
        <v>0</v>
      </c>
      <c r="U37" s="88">
        <v>804991</v>
      </c>
    </row>
    <row r="38" spans="1:21" ht="10" customHeight="1" x14ac:dyDescent="0.2">
      <c r="A38" s="165"/>
      <c r="B38" s="96"/>
      <c r="C38" s="181" t="s">
        <v>134</v>
      </c>
      <c r="D38" s="182"/>
      <c r="E38" s="182"/>
      <c r="F38" s="183"/>
      <c r="G38" s="48"/>
      <c r="H38" s="48"/>
      <c r="I38" s="48"/>
      <c r="J38" s="49"/>
      <c r="K38" s="117">
        <v>0</v>
      </c>
      <c r="L38" s="118">
        <v>0</v>
      </c>
      <c r="M38" s="118">
        <v>0</v>
      </c>
      <c r="N38" s="118">
        <v>0</v>
      </c>
      <c r="O38" s="118">
        <v>0</v>
      </c>
      <c r="P38" s="118">
        <v>0</v>
      </c>
      <c r="Q38" s="118">
        <v>0</v>
      </c>
      <c r="R38" s="118">
        <v>1390000</v>
      </c>
      <c r="S38" s="118">
        <v>0</v>
      </c>
      <c r="T38" s="118">
        <v>0</v>
      </c>
      <c r="U38" s="88">
        <v>1390000</v>
      </c>
    </row>
    <row r="39" spans="1:21" ht="10" customHeight="1" x14ac:dyDescent="0.2">
      <c r="A39" s="165"/>
      <c r="B39" s="96"/>
      <c r="C39" s="181" t="s">
        <v>261</v>
      </c>
      <c r="D39" s="182"/>
      <c r="E39" s="182"/>
      <c r="F39" s="183"/>
      <c r="G39" s="48"/>
      <c r="H39" s="48"/>
      <c r="I39" s="48"/>
      <c r="J39" s="49"/>
      <c r="K39" s="117">
        <v>1894143</v>
      </c>
      <c r="L39" s="118">
        <v>1703958</v>
      </c>
      <c r="M39" s="118">
        <v>112719</v>
      </c>
      <c r="N39" s="118">
        <v>163438</v>
      </c>
      <c r="O39" s="118">
        <v>302403</v>
      </c>
      <c r="P39" s="118">
        <v>1226523</v>
      </c>
      <c r="Q39" s="118">
        <v>954106</v>
      </c>
      <c r="R39" s="118">
        <v>1092503</v>
      </c>
      <c r="S39" s="118">
        <v>177767</v>
      </c>
      <c r="T39" s="118">
        <v>64329</v>
      </c>
      <c r="U39" s="88">
        <v>7691889</v>
      </c>
    </row>
    <row r="40" spans="1:21" ht="10" customHeight="1" x14ac:dyDescent="0.2">
      <c r="A40" s="165"/>
      <c r="B40" s="96"/>
      <c r="C40" s="181" t="s">
        <v>262</v>
      </c>
      <c r="D40" s="182"/>
      <c r="E40" s="182"/>
      <c r="F40" s="183"/>
      <c r="G40" s="48"/>
      <c r="H40" s="48"/>
      <c r="I40" s="48"/>
      <c r="J40" s="49"/>
      <c r="K40" s="117">
        <v>71</v>
      </c>
      <c r="L40" s="118">
        <v>0</v>
      </c>
      <c r="M40" s="118">
        <v>0</v>
      </c>
      <c r="N40" s="118">
        <v>0</v>
      </c>
      <c r="O40" s="118">
        <v>0</v>
      </c>
      <c r="P40" s="118">
        <v>0</v>
      </c>
      <c r="Q40" s="118">
        <v>0</v>
      </c>
      <c r="R40" s="118">
        <v>0</v>
      </c>
      <c r="S40" s="118">
        <v>0</v>
      </c>
      <c r="T40" s="118">
        <v>0</v>
      </c>
      <c r="U40" s="88">
        <v>71</v>
      </c>
    </row>
    <row r="41" spans="1:21" ht="10" customHeight="1" x14ac:dyDescent="0.2">
      <c r="A41" s="165"/>
      <c r="B41" s="57"/>
      <c r="C41" s="181" t="s">
        <v>132</v>
      </c>
      <c r="D41" s="182"/>
      <c r="E41" s="182"/>
      <c r="F41" s="183"/>
      <c r="G41" s="48"/>
      <c r="H41" s="48"/>
      <c r="I41" s="48"/>
      <c r="J41" s="49"/>
      <c r="K41" s="117">
        <v>6267</v>
      </c>
      <c r="L41" s="118">
        <v>4273</v>
      </c>
      <c r="M41" s="118">
        <v>5</v>
      </c>
      <c r="N41" s="118">
        <v>9343</v>
      </c>
      <c r="O41" s="118">
        <v>12002</v>
      </c>
      <c r="P41" s="118">
        <v>58370</v>
      </c>
      <c r="Q41" s="118">
        <v>61004</v>
      </c>
      <c r="R41" s="118">
        <v>50833</v>
      </c>
      <c r="S41" s="118">
        <v>2800</v>
      </c>
      <c r="T41" s="118">
        <v>0</v>
      </c>
      <c r="U41" s="88">
        <v>204897</v>
      </c>
    </row>
    <row r="42" spans="1:21" ht="10" customHeight="1" x14ac:dyDescent="0.2">
      <c r="A42" s="165"/>
      <c r="B42" s="210" t="s">
        <v>135</v>
      </c>
      <c r="C42" s="170"/>
      <c r="D42" s="170"/>
      <c r="E42" s="170"/>
      <c r="F42" s="171"/>
      <c r="G42" s="48"/>
      <c r="H42" s="48"/>
      <c r="I42" s="48"/>
      <c r="J42" s="49"/>
      <c r="K42" s="117">
        <v>554302</v>
      </c>
      <c r="L42" s="118">
        <v>8068641</v>
      </c>
      <c r="M42" s="118">
        <v>514512</v>
      </c>
      <c r="N42" s="118">
        <v>187578</v>
      </c>
      <c r="O42" s="118">
        <v>176535</v>
      </c>
      <c r="P42" s="118">
        <v>4275543</v>
      </c>
      <c r="Q42" s="118">
        <v>5102010</v>
      </c>
      <c r="R42" s="118">
        <v>143103</v>
      </c>
      <c r="S42" s="118">
        <v>11879</v>
      </c>
      <c r="T42" s="118">
        <v>183480</v>
      </c>
      <c r="U42" s="88">
        <v>19217583</v>
      </c>
    </row>
    <row r="43" spans="1:21" ht="10" customHeight="1" x14ac:dyDescent="0.2">
      <c r="A43" s="165"/>
      <c r="B43" s="8"/>
      <c r="C43" s="169" t="s">
        <v>253</v>
      </c>
      <c r="D43" s="170"/>
      <c r="E43" s="170"/>
      <c r="F43" s="171"/>
      <c r="G43" s="48"/>
      <c r="H43" s="48"/>
      <c r="I43" s="48"/>
      <c r="J43" s="49"/>
      <c r="K43" s="117">
        <v>4969763</v>
      </c>
      <c r="L43" s="118">
        <v>22508175</v>
      </c>
      <c r="M43" s="118">
        <v>1607260</v>
      </c>
      <c r="N43" s="118">
        <v>1142567</v>
      </c>
      <c r="O43" s="118">
        <v>420928</v>
      </c>
      <c r="P43" s="118">
        <v>8505618</v>
      </c>
      <c r="Q43" s="118">
        <v>14922801</v>
      </c>
      <c r="R43" s="118">
        <v>2219847</v>
      </c>
      <c r="S43" s="118">
        <v>94755</v>
      </c>
      <c r="T43" s="118">
        <v>395002</v>
      </c>
      <c r="U43" s="88">
        <v>56786716</v>
      </c>
    </row>
    <row r="44" spans="1:21" ht="10" customHeight="1" x14ac:dyDescent="0.2">
      <c r="A44" s="165"/>
      <c r="B44" s="6"/>
      <c r="C44" s="169" t="s">
        <v>278</v>
      </c>
      <c r="D44" s="170"/>
      <c r="E44" s="170"/>
      <c r="F44" s="171"/>
      <c r="G44" s="48"/>
      <c r="H44" s="48"/>
      <c r="I44" s="48"/>
      <c r="J44" s="49"/>
      <c r="K44" s="119">
        <v>4415461</v>
      </c>
      <c r="L44" s="120">
        <v>14439534</v>
      </c>
      <c r="M44" s="120">
        <v>1092748</v>
      </c>
      <c r="N44" s="120">
        <v>954989</v>
      </c>
      <c r="O44" s="120">
        <v>244393</v>
      </c>
      <c r="P44" s="120">
        <v>4230075</v>
      </c>
      <c r="Q44" s="120">
        <v>9820791</v>
      </c>
      <c r="R44" s="120">
        <v>2076744</v>
      </c>
      <c r="S44" s="120">
        <v>82876</v>
      </c>
      <c r="T44" s="120">
        <v>211522</v>
      </c>
      <c r="U44" s="105">
        <v>37569133</v>
      </c>
    </row>
    <row r="45" spans="1:21" ht="10" customHeight="1" x14ac:dyDescent="0.2">
      <c r="A45" s="185"/>
      <c r="B45" s="169" t="s">
        <v>84</v>
      </c>
      <c r="C45" s="170"/>
      <c r="D45" s="170"/>
      <c r="E45" s="170"/>
      <c r="F45" s="171"/>
      <c r="G45" s="48"/>
      <c r="H45" s="48"/>
      <c r="I45" s="48"/>
      <c r="J45" s="49"/>
      <c r="K45" s="117">
        <v>35095192</v>
      </c>
      <c r="L45" s="117">
        <v>14820453</v>
      </c>
      <c r="M45" s="117">
        <v>959609</v>
      </c>
      <c r="N45" s="117">
        <v>667849</v>
      </c>
      <c r="O45" s="117">
        <v>4577918</v>
      </c>
      <c r="P45" s="117">
        <v>15196632</v>
      </c>
      <c r="Q45" s="117">
        <v>11992677</v>
      </c>
      <c r="R45" s="117">
        <v>5108419</v>
      </c>
      <c r="S45" s="117">
        <v>1117042</v>
      </c>
      <c r="T45" s="117">
        <v>1014062</v>
      </c>
      <c r="U45" s="88">
        <v>90549853</v>
      </c>
    </row>
    <row r="46" spans="1:21" ht="10" customHeight="1" x14ac:dyDescent="0.2">
      <c r="A46" s="184" t="s">
        <v>136</v>
      </c>
      <c r="B46" s="210" t="s">
        <v>100</v>
      </c>
      <c r="C46" s="192"/>
      <c r="D46" s="192"/>
      <c r="E46" s="192"/>
      <c r="F46" s="193"/>
      <c r="G46" s="48"/>
      <c r="H46" s="48"/>
      <c r="I46" s="48"/>
      <c r="J46" s="49"/>
      <c r="K46" s="117">
        <v>9281353</v>
      </c>
      <c r="L46" s="117">
        <v>5033237</v>
      </c>
      <c r="M46" s="117">
        <v>2848802</v>
      </c>
      <c r="N46" s="117">
        <v>634632</v>
      </c>
      <c r="O46" s="117">
        <v>4891860</v>
      </c>
      <c r="P46" s="117">
        <v>922302</v>
      </c>
      <c r="Q46" s="117">
        <v>2398948</v>
      </c>
      <c r="R46" s="117">
        <v>6155565</v>
      </c>
      <c r="S46" s="117">
        <v>2280796</v>
      </c>
      <c r="T46" s="117">
        <v>1984633</v>
      </c>
      <c r="U46" s="88">
        <v>36432128</v>
      </c>
    </row>
    <row r="47" spans="1:21" ht="10" customHeight="1" x14ac:dyDescent="0.2">
      <c r="A47" s="165"/>
      <c r="B47" s="96"/>
      <c r="C47" s="169" t="s">
        <v>101</v>
      </c>
      <c r="D47" s="170"/>
      <c r="E47" s="170"/>
      <c r="F47" s="171"/>
      <c r="G47" s="48"/>
      <c r="H47" s="48"/>
      <c r="I47" s="48"/>
      <c r="J47" s="49"/>
      <c r="K47" s="117">
        <v>116761</v>
      </c>
      <c r="L47" s="117">
        <v>0</v>
      </c>
      <c r="M47" s="117">
        <v>15344</v>
      </c>
      <c r="N47" s="117">
        <v>0</v>
      </c>
      <c r="O47" s="117">
        <v>17162</v>
      </c>
      <c r="P47" s="117">
        <v>922302</v>
      </c>
      <c r="Q47" s="117">
        <v>137102</v>
      </c>
      <c r="R47" s="117">
        <v>6155565</v>
      </c>
      <c r="S47" s="117">
        <v>4350</v>
      </c>
      <c r="T47" s="117">
        <v>26997</v>
      </c>
      <c r="U47" s="88">
        <v>7395583</v>
      </c>
    </row>
    <row r="48" spans="1:21" ht="10" customHeight="1" x14ac:dyDescent="0.2">
      <c r="A48" s="165"/>
      <c r="B48" s="96"/>
      <c r="C48" s="169" t="s">
        <v>102</v>
      </c>
      <c r="D48" s="170"/>
      <c r="E48" s="170"/>
      <c r="F48" s="171"/>
      <c r="G48" s="48"/>
      <c r="H48" s="48"/>
      <c r="I48" s="48"/>
      <c r="J48" s="49"/>
      <c r="K48" s="117">
        <v>1694492</v>
      </c>
      <c r="L48" s="117">
        <v>0</v>
      </c>
      <c r="M48" s="117">
        <v>0</v>
      </c>
      <c r="N48" s="117">
        <v>0</v>
      </c>
      <c r="O48" s="117">
        <v>0</v>
      </c>
      <c r="P48" s="117">
        <v>0</v>
      </c>
      <c r="Q48" s="117">
        <v>0</v>
      </c>
      <c r="R48" s="117">
        <v>0</v>
      </c>
      <c r="S48" s="117">
        <v>0</v>
      </c>
      <c r="T48" s="117">
        <v>0</v>
      </c>
      <c r="U48" s="88">
        <v>1694492</v>
      </c>
    </row>
    <row r="49" spans="1:21" ht="10" customHeight="1" x14ac:dyDescent="0.2">
      <c r="A49" s="165"/>
      <c r="B49" s="96"/>
      <c r="C49" s="169" t="s">
        <v>103</v>
      </c>
      <c r="D49" s="170"/>
      <c r="E49" s="170"/>
      <c r="F49" s="171"/>
      <c r="G49" s="48"/>
      <c r="H49" s="48"/>
      <c r="I49" s="48"/>
      <c r="J49" s="49"/>
      <c r="K49" s="117">
        <v>7470100</v>
      </c>
      <c r="L49" s="117">
        <v>2179895</v>
      </c>
      <c r="M49" s="117">
        <v>2833458</v>
      </c>
      <c r="N49" s="117">
        <v>569451</v>
      </c>
      <c r="O49" s="117">
        <v>4841054</v>
      </c>
      <c r="P49" s="117">
        <v>0</v>
      </c>
      <c r="Q49" s="117">
        <v>1555769</v>
      </c>
      <c r="R49" s="117">
        <v>0</v>
      </c>
      <c r="S49" s="117">
        <v>2158287</v>
      </c>
      <c r="T49" s="117">
        <v>1957636</v>
      </c>
      <c r="U49" s="88">
        <v>23565650</v>
      </c>
    </row>
    <row r="50" spans="1:21" ht="10" customHeight="1" x14ac:dyDescent="0.2">
      <c r="A50" s="165"/>
      <c r="B50" s="96"/>
      <c r="C50" s="169" t="s">
        <v>104</v>
      </c>
      <c r="D50" s="170"/>
      <c r="E50" s="170"/>
      <c r="F50" s="171"/>
      <c r="G50" s="48"/>
      <c r="H50" s="48"/>
      <c r="I50" s="48"/>
      <c r="J50" s="49"/>
      <c r="K50" s="117">
        <v>0</v>
      </c>
      <c r="L50" s="117">
        <v>2853342</v>
      </c>
      <c r="M50" s="117">
        <v>0</v>
      </c>
      <c r="N50" s="117">
        <v>65181</v>
      </c>
      <c r="O50" s="117">
        <v>33644</v>
      </c>
      <c r="P50" s="117">
        <v>0</v>
      </c>
      <c r="Q50" s="117">
        <v>706077</v>
      </c>
      <c r="R50" s="117">
        <v>0</v>
      </c>
      <c r="S50" s="117">
        <v>118159</v>
      </c>
      <c r="T50" s="117">
        <v>0</v>
      </c>
      <c r="U50" s="88">
        <v>3776403</v>
      </c>
    </row>
    <row r="51" spans="1:21" ht="10" customHeight="1" x14ac:dyDescent="0.2">
      <c r="A51" s="165"/>
      <c r="B51" s="210" t="s">
        <v>105</v>
      </c>
      <c r="C51" s="192"/>
      <c r="D51" s="192"/>
      <c r="E51" s="192"/>
      <c r="F51" s="193"/>
      <c r="G51" s="48"/>
      <c r="H51" s="48"/>
      <c r="I51" s="48"/>
      <c r="J51" s="49"/>
      <c r="K51" s="117">
        <v>-7256139</v>
      </c>
      <c r="L51" s="117">
        <v>4452623</v>
      </c>
      <c r="M51" s="117">
        <v>101167</v>
      </c>
      <c r="N51" s="117">
        <v>604130</v>
      </c>
      <c r="O51" s="117">
        <v>-3407983</v>
      </c>
      <c r="P51" s="117">
        <v>627660</v>
      </c>
      <c r="Q51" s="117">
        <v>-534913</v>
      </c>
      <c r="R51" s="117">
        <v>-2879333</v>
      </c>
      <c r="S51" s="117">
        <v>-1936765</v>
      </c>
      <c r="T51" s="117">
        <v>-1795306</v>
      </c>
      <c r="U51" s="88">
        <v>-12024859</v>
      </c>
    </row>
    <row r="52" spans="1:21" ht="10" customHeight="1" x14ac:dyDescent="0.2">
      <c r="A52" s="225"/>
      <c r="B52" s="96"/>
      <c r="C52" s="210" t="s">
        <v>106</v>
      </c>
      <c r="D52" s="192"/>
      <c r="E52" s="192"/>
      <c r="F52" s="193"/>
      <c r="G52" s="122"/>
      <c r="H52" s="122"/>
      <c r="I52" s="122"/>
      <c r="J52" s="111"/>
      <c r="K52" s="117">
        <v>3250</v>
      </c>
      <c r="L52" s="117">
        <v>7611789</v>
      </c>
      <c r="M52" s="117">
        <v>61228</v>
      </c>
      <c r="N52" s="117">
        <v>115579</v>
      </c>
      <c r="O52" s="117">
        <v>456</v>
      </c>
      <c r="P52" s="117">
        <v>0</v>
      </c>
      <c r="Q52" s="117">
        <v>1251924</v>
      </c>
      <c r="R52" s="117">
        <v>0</v>
      </c>
      <c r="S52" s="117">
        <v>13804</v>
      </c>
      <c r="T52" s="117">
        <v>0</v>
      </c>
      <c r="U52" s="88">
        <v>9058030</v>
      </c>
    </row>
    <row r="53" spans="1:21" ht="10" customHeight="1" x14ac:dyDescent="0.2">
      <c r="A53" s="165"/>
      <c r="B53" s="8"/>
      <c r="C53" s="8"/>
      <c r="D53" s="169" t="s">
        <v>107</v>
      </c>
      <c r="E53" s="170"/>
      <c r="F53" s="171"/>
      <c r="G53" s="48"/>
      <c r="H53" s="48"/>
      <c r="I53" s="48"/>
      <c r="J53" s="48"/>
      <c r="K53" s="117">
        <v>0</v>
      </c>
      <c r="L53" s="117">
        <v>21583</v>
      </c>
      <c r="M53" s="117">
        <v>0</v>
      </c>
      <c r="N53" s="117">
        <v>0</v>
      </c>
      <c r="O53" s="117">
        <v>0</v>
      </c>
      <c r="P53" s="117">
        <v>0</v>
      </c>
      <c r="Q53" s="117">
        <v>20000</v>
      </c>
      <c r="R53" s="117">
        <v>0</v>
      </c>
      <c r="S53" s="117">
        <v>0</v>
      </c>
      <c r="T53" s="117">
        <v>0</v>
      </c>
      <c r="U53" s="88">
        <v>41583</v>
      </c>
    </row>
    <row r="54" spans="1:21" ht="10" customHeight="1" x14ac:dyDescent="0.2">
      <c r="A54" s="184"/>
      <c r="B54" s="8"/>
      <c r="C54" s="8"/>
      <c r="D54" s="170" t="s">
        <v>108</v>
      </c>
      <c r="E54" s="170"/>
      <c r="F54" s="171"/>
      <c r="G54" s="48"/>
      <c r="H54" s="48"/>
      <c r="I54" s="48"/>
      <c r="J54" s="48"/>
      <c r="K54" s="117">
        <v>0</v>
      </c>
      <c r="L54" s="117">
        <v>94538</v>
      </c>
      <c r="M54" s="117">
        <v>0</v>
      </c>
      <c r="N54" s="117">
        <v>0</v>
      </c>
      <c r="O54" s="117">
        <v>0</v>
      </c>
      <c r="P54" s="117">
        <v>0</v>
      </c>
      <c r="Q54" s="117">
        <v>6667</v>
      </c>
      <c r="R54" s="117">
        <v>0</v>
      </c>
      <c r="S54" s="117">
        <v>0</v>
      </c>
      <c r="T54" s="117">
        <v>0</v>
      </c>
      <c r="U54" s="88">
        <v>101205</v>
      </c>
    </row>
    <row r="55" spans="1:21" ht="10" customHeight="1" x14ac:dyDescent="0.2">
      <c r="A55" s="165"/>
      <c r="B55" s="96"/>
      <c r="C55" s="8"/>
      <c r="D55" s="170" t="s">
        <v>109</v>
      </c>
      <c r="E55" s="170"/>
      <c r="F55" s="171"/>
      <c r="G55" s="48"/>
      <c r="H55" s="48"/>
      <c r="I55" s="48"/>
      <c r="J55" s="49"/>
      <c r="K55" s="117">
        <v>0</v>
      </c>
      <c r="L55" s="117">
        <v>0</v>
      </c>
      <c r="M55" s="117">
        <v>0</v>
      </c>
      <c r="N55" s="117">
        <v>0</v>
      </c>
      <c r="O55" s="117">
        <v>0</v>
      </c>
      <c r="P55" s="117">
        <v>0</v>
      </c>
      <c r="Q55" s="117">
        <v>0</v>
      </c>
      <c r="R55" s="117">
        <v>0</v>
      </c>
      <c r="S55" s="117">
        <v>0</v>
      </c>
      <c r="T55" s="117">
        <v>0</v>
      </c>
      <c r="U55" s="88">
        <v>0</v>
      </c>
    </row>
    <row r="56" spans="1:21" ht="10" customHeight="1" x14ac:dyDescent="0.2">
      <c r="A56" s="165"/>
      <c r="B56" s="96"/>
      <c r="C56" s="8"/>
      <c r="D56" s="170" t="s">
        <v>110</v>
      </c>
      <c r="E56" s="170"/>
      <c r="F56" s="171"/>
      <c r="G56" s="48"/>
      <c r="H56" s="48"/>
      <c r="I56" s="48"/>
      <c r="J56" s="49"/>
      <c r="K56" s="117">
        <v>0</v>
      </c>
      <c r="L56" s="117">
        <v>0</v>
      </c>
      <c r="M56" s="117">
        <v>0</v>
      </c>
      <c r="N56" s="117">
        <v>0</v>
      </c>
      <c r="O56" s="117">
        <v>0</v>
      </c>
      <c r="P56" s="117">
        <v>0</v>
      </c>
      <c r="Q56" s="117">
        <v>0</v>
      </c>
      <c r="R56" s="117">
        <v>0</v>
      </c>
      <c r="S56" s="117">
        <v>0</v>
      </c>
      <c r="T56" s="117">
        <v>0</v>
      </c>
      <c r="U56" s="88">
        <v>0</v>
      </c>
    </row>
    <row r="57" spans="1:21" ht="10" customHeight="1" x14ac:dyDescent="0.2">
      <c r="A57" s="165"/>
      <c r="B57" s="96"/>
      <c r="C57" s="6"/>
      <c r="D57" s="170" t="s">
        <v>90</v>
      </c>
      <c r="E57" s="170"/>
      <c r="F57" s="171"/>
      <c r="G57" s="48"/>
      <c r="H57" s="48"/>
      <c r="I57" s="48"/>
      <c r="J57" s="49"/>
      <c r="K57" s="117">
        <v>3250</v>
      </c>
      <c r="L57" s="117">
        <v>7495668</v>
      </c>
      <c r="M57" s="117">
        <v>61228</v>
      </c>
      <c r="N57" s="117">
        <v>115579</v>
      </c>
      <c r="O57" s="117">
        <v>456</v>
      </c>
      <c r="P57" s="117">
        <v>0</v>
      </c>
      <c r="Q57" s="117">
        <v>1225257</v>
      </c>
      <c r="R57" s="117">
        <v>0</v>
      </c>
      <c r="S57" s="117">
        <v>13804</v>
      </c>
      <c r="T57" s="117">
        <v>0</v>
      </c>
      <c r="U57" s="88">
        <v>8915242</v>
      </c>
    </row>
    <row r="58" spans="1:21" ht="10" customHeight="1" x14ac:dyDescent="0.2">
      <c r="A58" s="165"/>
      <c r="B58" s="96"/>
      <c r="C58" s="226" t="s">
        <v>111</v>
      </c>
      <c r="D58" s="192"/>
      <c r="E58" s="192"/>
      <c r="F58" s="193"/>
      <c r="G58" s="48"/>
      <c r="H58" s="48"/>
      <c r="I58" s="48"/>
      <c r="J58" s="49"/>
      <c r="K58" s="117">
        <v>-7259389</v>
      </c>
      <c r="L58" s="117">
        <v>-3159166</v>
      </c>
      <c r="M58" s="117">
        <v>39939</v>
      </c>
      <c r="N58" s="117">
        <v>488551</v>
      </c>
      <c r="O58" s="117">
        <v>-3408439</v>
      </c>
      <c r="P58" s="117">
        <v>627660</v>
      </c>
      <c r="Q58" s="117">
        <v>-1786837</v>
      </c>
      <c r="R58" s="117">
        <v>-2879333</v>
      </c>
      <c r="S58" s="117">
        <v>-1950569</v>
      </c>
      <c r="T58" s="117">
        <v>-1795306</v>
      </c>
      <c r="U58" s="88">
        <v>-21082889</v>
      </c>
    </row>
    <row r="59" spans="1:21" ht="10" customHeight="1" x14ac:dyDescent="0.2">
      <c r="A59" s="165"/>
      <c r="B59" s="96"/>
      <c r="C59" s="8"/>
      <c r="D59" s="170" t="s">
        <v>112</v>
      </c>
      <c r="E59" s="170"/>
      <c r="F59" s="171"/>
      <c r="G59" s="48"/>
      <c r="H59" s="48"/>
      <c r="I59" s="48"/>
      <c r="J59" s="49"/>
      <c r="K59" s="117">
        <v>0</v>
      </c>
      <c r="L59" s="117">
        <v>0</v>
      </c>
      <c r="M59" s="117">
        <v>80300</v>
      </c>
      <c r="N59" s="117">
        <v>0</v>
      </c>
      <c r="O59" s="117">
        <v>0</v>
      </c>
      <c r="P59" s="117">
        <v>0</v>
      </c>
      <c r="Q59" s="117">
        <v>0</v>
      </c>
      <c r="R59" s="117">
        <v>0</v>
      </c>
      <c r="S59" s="117">
        <v>0</v>
      </c>
      <c r="T59" s="117">
        <v>272</v>
      </c>
      <c r="U59" s="88">
        <v>80572</v>
      </c>
    </row>
    <row r="60" spans="1:21" ht="10" customHeight="1" x14ac:dyDescent="0.2">
      <c r="A60" s="165"/>
      <c r="B60" s="96"/>
      <c r="C60" s="8"/>
      <c r="D60" s="170" t="s">
        <v>113</v>
      </c>
      <c r="E60" s="170"/>
      <c r="F60" s="171"/>
      <c r="G60" s="48"/>
      <c r="H60" s="48"/>
      <c r="I60" s="48"/>
      <c r="J60" s="49"/>
      <c r="K60" s="117">
        <v>0</v>
      </c>
      <c r="L60" s="117">
        <v>0</v>
      </c>
      <c r="M60" s="117">
        <v>0</v>
      </c>
      <c r="N60" s="117">
        <v>0</v>
      </c>
      <c r="O60" s="117">
        <v>0</v>
      </c>
      <c r="P60" s="117">
        <v>0</v>
      </c>
      <c r="Q60" s="117">
        <v>0</v>
      </c>
      <c r="R60" s="117">
        <v>0</v>
      </c>
      <c r="S60" s="117">
        <v>0</v>
      </c>
      <c r="T60" s="117">
        <v>0</v>
      </c>
      <c r="U60" s="88">
        <v>0</v>
      </c>
    </row>
    <row r="61" spans="1:21" ht="10" customHeight="1" x14ac:dyDescent="0.2">
      <c r="A61" s="165"/>
      <c r="B61" s="96"/>
      <c r="C61" s="8"/>
      <c r="D61" s="170" t="s">
        <v>114</v>
      </c>
      <c r="E61" s="170"/>
      <c r="F61" s="171"/>
      <c r="G61" s="48"/>
      <c r="H61" s="48"/>
      <c r="I61" s="48"/>
      <c r="J61" s="49"/>
      <c r="K61" s="117">
        <v>0</v>
      </c>
      <c r="L61" s="117">
        <v>0</v>
      </c>
      <c r="M61" s="117">
        <v>420000</v>
      </c>
      <c r="N61" s="117">
        <v>0</v>
      </c>
      <c r="O61" s="117">
        <v>0</v>
      </c>
      <c r="P61" s="117">
        <v>500000</v>
      </c>
      <c r="Q61" s="117">
        <v>0</v>
      </c>
      <c r="R61" s="117">
        <v>0</v>
      </c>
      <c r="S61" s="117">
        <v>32183</v>
      </c>
      <c r="T61" s="117">
        <v>1000</v>
      </c>
      <c r="U61" s="88">
        <v>953183</v>
      </c>
    </row>
    <row r="62" spans="1:21" ht="10" customHeight="1" x14ac:dyDescent="0.2">
      <c r="A62" s="165"/>
      <c r="B62" s="96"/>
      <c r="C62" s="8"/>
      <c r="D62" s="170" t="s">
        <v>115</v>
      </c>
      <c r="E62" s="170"/>
      <c r="F62" s="171"/>
      <c r="G62" s="48"/>
      <c r="H62" s="48"/>
      <c r="I62" s="48"/>
      <c r="J62" s="48"/>
      <c r="K62" s="117">
        <v>0</v>
      </c>
      <c r="L62" s="117">
        <v>0</v>
      </c>
      <c r="M62" s="117">
        <v>0</v>
      </c>
      <c r="N62" s="117">
        <v>0</v>
      </c>
      <c r="O62" s="117">
        <v>0</v>
      </c>
      <c r="P62" s="117">
        <v>0</v>
      </c>
      <c r="Q62" s="117">
        <v>0</v>
      </c>
      <c r="R62" s="117">
        <v>0</v>
      </c>
      <c r="S62" s="117">
        <v>0</v>
      </c>
      <c r="T62" s="117">
        <v>0</v>
      </c>
      <c r="U62" s="88">
        <v>0</v>
      </c>
    </row>
    <row r="63" spans="1:21" ht="10" customHeight="1" x14ac:dyDescent="0.2">
      <c r="A63" s="165"/>
      <c r="B63" s="96"/>
      <c r="C63" s="8"/>
      <c r="D63" s="227" t="s">
        <v>137</v>
      </c>
      <c r="E63" s="169" t="s">
        <v>116</v>
      </c>
      <c r="F63" s="171"/>
      <c r="G63" s="48"/>
      <c r="H63" s="48"/>
      <c r="I63" s="48"/>
      <c r="J63" s="48"/>
      <c r="K63" s="117">
        <v>0</v>
      </c>
      <c r="L63" s="117">
        <v>0</v>
      </c>
      <c r="M63" s="117">
        <v>0</v>
      </c>
      <c r="N63" s="117">
        <v>488551</v>
      </c>
      <c r="O63" s="117">
        <v>0</v>
      </c>
      <c r="P63" s="117">
        <v>127660</v>
      </c>
      <c r="Q63" s="117">
        <v>0</v>
      </c>
      <c r="R63" s="117">
        <v>0</v>
      </c>
      <c r="S63" s="117">
        <v>0</v>
      </c>
      <c r="T63" s="117">
        <v>0</v>
      </c>
      <c r="U63" s="88">
        <v>616211</v>
      </c>
    </row>
    <row r="64" spans="1:21" ht="9" customHeight="1" x14ac:dyDescent="0.2">
      <c r="A64" s="165"/>
      <c r="B64" s="96"/>
      <c r="C64" s="8"/>
      <c r="D64" s="228"/>
      <c r="E64" s="169" t="s">
        <v>279</v>
      </c>
      <c r="F64" s="171"/>
      <c r="G64" s="48"/>
      <c r="H64" s="48"/>
      <c r="I64" s="48"/>
      <c r="J64" s="48"/>
      <c r="K64" s="119">
        <v>7259389</v>
      </c>
      <c r="L64" s="119">
        <v>3159166</v>
      </c>
      <c r="M64" s="119">
        <v>460361</v>
      </c>
      <c r="N64" s="119">
        <v>0</v>
      </c>
      <c r="O64" s="119">
        <v>3408439</v>
      </c>
      <c r="P64" s="119">
        <v>0</v>
      </c>
      <c r="Q64" s="119">
        <v>1786837</v>
      </c>
      <c r="R64" s="119">
        <v>2879333</v>
      </c>
      <c r="S64" s="119">
        <v>1982752</v>
      </c>
      <c r="T64" s="119">
        <v>1796578</v>
      </c>
      <c r="U64" s="105">
        <v>22732855</v>
      </c>
    </row>
    <row r="65" spans="1:21" ht="10" customHeight="1" x14ac:dyDescent="0.2">
      <c r="A65" s="225"/>
      <c r="B65" s="96"/>
      <c r="C65" s="8"/>
      <c r="D65" s="229"/>
      <c r="E65" s="231" t="s">
        <v>138</v>
      </c>
      <c r="F65" s="123" t="s">
        <v>139</v>
      </c>
      <c r="G65" s="124"/>
      <c r="H65" s="124"/>
      <c r="I65" s="124"/>
      <c r="J65" s="124"/>
      <c r="K65" s="117">
        <v>0</v>
      </c>
      <c r="L65" s="117">
        <v>0</v>
      </c>
      <c r="M65" s="117">
        <v>0</v>
      </c>
      <c r="N65" s="117">
        <v>0</v>
      </c>
      <c r="O65" s="117">
        <v>0</v>
      </c>
      <c r="P65" s="117">
        <v>0</v>
      </c>
      <c r="Q65" s="117">
        <v>0</v>
      </c>
      <c r="R65" s="117">
        <v>0</v>
      </c>
      <c r="S65" s="117">
        <v>0</v>
      </c>
      <c r="T65" s="117">
        <v>0</v>
      </c>
      <c r="U65" s="88">
        <v>0</v>
      </c>
    </row>
    <row r="66" spans="1:21" ht="10" customHeight="1" x14ac:dyDescent="0.2">
      <c r="A66" s="165"/>
      <c r="B66" s="6"/>
      <c r="C66" s="6"/>
      <c r="D66" s="230"/>
      <c r="E66" s="230"/>
      <c r="F66" s="3" t="s">
        <v>280</v>
      </c>
      <c r="G66" s="60"/>
      <c r="H66" s="60"/>
      <c r="I66" s="60"/>
      <c r="J66" s="60"/>
      <c r="K66" s="119">
        <v>4112704</v>
      </c>
      <c r="L66" s="119">
        <v>742981</v>
      </c>
      <c r="M66" s="119">
        <v>131088</v>
      </c>
      <c r="N66" s="119">
        <v>58777</v>
      </c>
      <c r="O66" s="119">
        <v>844451</v>
      </c>
      <c r="P66" s="119">
        <v>797291</v>
      </c>
      <c r="Q66" s="119">
        <v>1168799</v>
      </c>
      <c r="R66" s="119">
        <v>1280547</v>
      </c>
      <c r="S66" s="119">
        <v>329090</v>
      </c>
      <c r="T66" s="119">
        <v>45053</v>
      </c>
      <c r="U66" s="105">
        <v>9510781</v>
      </c>
    </row>
    <row r="67" spans="1:21" ht="10" customHeight="1" x14ac:dyDescent="0.2">
      <c r="A67" s="165"/>
      <c r="B67" s="169" t="s">
        <v>140</v>
      </c>
      <c r="C67" s="170"/>
      <c r="D67" s="170"/>
      <c r="E67" s="170"/>
      <c r="F67" s="171"/>
      <c r="G67" s="60"/>
      <c r="H67" s="60"/>
      <c r="I67" s="60"/>
      <c r="J67" s="60"/>
      <c r="K67" s="117">
        <v>0</v>
      </c>
      <c r="L67" s="117">
        <v>0</v>
      </c>
      <c r="M67" s="117">
        <v>0</v>
      </c>
      <c r="N67" s="117">
        <v>0</v>
      </c>
      <c r="O67" s="117">
        <v>0</v>
      </c>
      <c r="P67" s="117">
        <v>0</v>
      </c>
      <c r="Q67" s="117">
        <v>0</v>
      </c>
      <c r="R67" s="117">
        <v>0</v>
      </c>
      <c r="S67" s="117">
        <v>0</v>
      </c>
      <c r="T67" s="117">
        <v>0</v>
      </c>
      <c r="U67" s="88">
        <v>0</v>
      </c>
    </row>
    <row r="68" spans="1:21" ht="10" customHeight="1" x14ac:dyDescent="0.2">
      <c r="A68" s="185"/>
      <c r="B68" s="170" t="s">
        <v>84</v>
      </c>
      <c r="C68" s="170"/>
      <c r="D68" s="170"/>
      <c r="E68" s="170"/>
      <c r="F68" s="171"/>
      <c r="G68" s="48"/>
      <c r="H68" s="48"/>
      <c r="I68" s="48"/>
      <c r="J68" s="48"/>
      <c r="K68" s="117">
        <v>2025214</v>
      </c>
      <c r="L68" s="117">
        <v>9485860</v>
      </c>
      <c r="M68" s="117">
        <v>2949969</v>
      </c>
      <c r="N68" s="117">
        <v>1238762</v>
      </c>
      <c r="O68" s="117">
        <v>1483877</v>
      </c>
      <c r="P68" s="117">
        <v>1549962</v>
      </c>
      <c r="Q68" s="117">
        <v>1864035</v>
      </c>
      <c r="R68" s="117">
        <v>3276232</v>
      </c>
      <c r="S68" s="117">
        <v>344031</v>
      </c>
      <c r="T68" s="117">
        <v>189327</v>
      </c>
      <c r="U68" s="88">
        <v>24407269</v>
      </c>
    </row>
    <row r="69" spans="1:21" ht="10" customHeight="1" x14ac:dyDescent="0.2">
      <c r="A69" s="189" t="s">
        <v>117</v>
      </c>
      <c r="B69" s="170"/>
      <c r="C69" s="170"/>
      <c r="D69" s="170"/>
      <c r="E69" s="170"/>
      <c r="F69" s="171"/>
      <c r="G69" s="48"/>
      <c r="H69" s="48"/>
      <c r="I69" s="48"/>
      <c r="J69" s="48"/>
      <c r="K69" s="117">
        <v>37120406</v>
      </c>
      <c r="L69" s="117">
        <v>24306313</v>
      </c>
      <c r="M69" s="117">
        <v>3909578</v>
      </c>
      <c r="N69" s="117">
        <v>1906611</v>
      </c>
      <c r="O69" s="117">
        <v>6061795</v>
      </c>
      <c r="P69" s="117">
        <v>16746594</v>
      </c>
      <c r="Q69" s="117">
        <v>13856712</v>
      </c>
      <c r="R69" s="117">
        <v>8384651</v>
      </c>
      <c r="S69" s="117">
        <v>1461073</v>
      </c>
      <c r="T69" s="117">
        <v>1203389</v>
      </c>
      <c r="U69" s="88">
        <v>114957122</v>
      </c>
    </row>
    <row r="70" spans="1:21" ht="10" customHeight="1" x14ac:dyDescent="0.2">
      <c r="A70" s="189" t="s">
        <v>118</v>
      </c>
      <c r="B70" s="170"/>
      <c r="C70" s="170"/>
      <c r="D70" s="170"/>
      <c r="E70" s="170"/>
      <c r="F70" s="171"/>
      <c r="G70" s="48"/>
      <c r="H70" s="48"/>
      <c r="I70" s="48"/>
      <c r="J70" s="48"/>
      <c r="K70" s="117">
        <v>0</v>
      </c>
      <c r="L70" s="117">
        <v>0</v>
      </c>
      <c r="M70" s="117">
        <v>0</v>
      </c>
      <c r="N70" s="117">
        <v>0</v>
      </c>
      <c r="O70" s="117">
        <v>0</v>
      </c>
      <c r="P70" s="117">
        <v>0</v>
      </c>
      <c r="Q70" s="117">
        <v>0</v>
      </c>
      <c r="R70" s="117">
        <v>0</v>
      </c>
      <c r="S70" s="117">
        <v>0</v>
      </c>
      <c r="T70" s="117">
        <v>0</v>
      </c>
      <c r="U70" s="88">
        <v>0</v>
      </c>
    </row>
    <row r="71" spans="1:21" ht="10" customHeight="1" x14ac:dyDescent="0.2">
      <c r="A71" s="189" t="s">
        <v>119</v>
      </c>
      <c r="B71" s="170"/>
      <c r="C71" s="170"/>
      <c r="D71" s="170"/>
      <c r="E71" s="170"/>
      <c r="F71" s="171"/>
      <c r="G71" s="48"/>
      <c r="H71" s="48"/>
      <c r="I71" s="48"/>
      <c r="J71" s="48"/>
      <c r="K71" s="117">
        <v>0</v>
      </c>
      <c r="L71" s="117">
        <v>0</v>
      </c>
      <c r="M71" s="117">
        <v>0</v>
      </c>
      <c r="N71" s="117">
        <v>0</v>
      </c>
      <c r="O71" s="117">
        <v>0</v>
      </c>
      <c r="P71" s="117">
        <v>0</v>
      </c>
      <c r="Q71" s="117">
        <v>0</v>
      </c>
      <c r="R71" s="117">
        <v>0</v>
      </c>
      <c r="S71" s="117">
        <v>0</v>
      </c>
      <c r="T71" s="117">
        <v>0</v>
      </c>
      <c r="U71" s="88">
        <v>0</v>
      </c>
    </row>
    <row r="72" spans="1:21" ht="10" customHeight="1" x14ac:dyDescent="0.2">
      <c r="A72" s="189" t="s">
        <v>120</v>
      </c>
      <c r="B72" s="170"/>
      <c r="C72" s="170"/>
      <c r="D72" s="170"/>
      <c r="E72" s="170"/>
      <c r="F72" s="171"/>
      <c r="G72" s="48"/>
      <c r="H72" s="48"/>
      <c r="I72" s="48"/>
      <c r="J72" s="48"/>
      <c r="K72" s="117">
        <v>0</v>
      </c>
      <c r="L72" s="117">
        <v>0</v>
      </c>
      <c r="M72" s="117">
        <v>0</v>
      </c>
      <c r="N72" s="117">
        <v>0</v>
      </c>
      <c r="O72" s="117">
        <v>0</v>
      </c>
      <c r="P72" s="117">
        <v>0</v>
      </c>
      <c r="Q72" s="117">
        <v>0</v>
      </c>
      <c r="R72" s="117">
        <v>0</v>
      </c>
      <c r="S72" s="117">
        <v>0</v>
      </c>
      <c r="T72" s="117">
        <v>0</v>
      </c>
      <c r="U72" s="88">
        <v>0</v>
      </c>
    </row>
    <row r="73" spans="1:21" ht="10" customHeight="1" x14ac:dyDescent="0.2">
      <c r="A73" s="218" t="s">
        <v>281</v>
      </c>
      <c r="B73" s="205"/>
      <c r="C73" s="205"/>
      <c r="D73" s="205"/>
      <c r="E73" s="205"/>
      <c r="F73" s="214"/>
      <c r="G73" s="122"/>
      <c r="H73" s="122"/>
      <c r="I73" s="122"/>
      <c r="J73" s="122"/>
      <c r="K73" s="126">
        <v>4084991</v>
      </c>
      <c r="L73" s="126">
        <v>760459</v>
      </c>
      <c r="M73" s="126">
        <v>131078</v>
      </c>
      <c r="N73" s="126">
        <v>52600</v>
      </c>
      <c r="O73" s="126">
        <v>844580</v>
      </c>
      <c r="P73" s="126">
        <v>856355</v>
      </c>
      <c r="Q73" s="126">
        <v>1173947</v>
      </c>
      <c r="R73" s="126">
        <v>1447662</v>
      </c>
      <c r="S73" s="126">
        <v>354526</v>
      </c>
      <c r="T73" s="126">
        <v>45037</v>
      </c>
      <c r="U73" s="127">
        <v>9751235</v>
      </c>
    </row>
  </sheetData>
  <mergeCells count="74">
    <mergeCell ref="C44:F44"/>
    <mergeCell ref="C47:F47"/>
    <mergeCell ref="C48:F48"/>
    <mergeCell ref="C49:F49"/>
    <mergeCell ref="C50:F50"/>
    <mergeCell ref="C37:F37"/>
    <mergeCell ref="C38:F38"/>
    <mergeCell ref="C40:F40"/>
    <mergeCell ref="B42:F42"/>
    <mergeCell ref="C43:F43"/>
    <mergeCell ref="A73:F73"/>
    <mergeCell ref="C58:F58"/>
    <mergeCell ref="D59:F59"/>
    <mergeCell ref="D60:F60"/>
    <mergeCell ref="D61:F61"/>
    <mergeCell ref="D62:F62"/>
    <mergeCell ref="D63:D66"/>
    <mergeCell ref="E65:E66"/>
    <mergeCell ref="B68:F68"/>
    <mergeCell ref="A69:F69"/>
    <mergeCell ref="A70:F70"/>
    <mergeCell ref="A71:F71"/>
    <mergeCell ref="A72:F72"/>
    <mergeCell ref="E63:F63"/>
    <mergeCell ref="E64:F64"/>
    <mergeCell ref="B67:F67"/>
    <mergeCell ref="D57:F57"/>
    <mergeCell ref="C39:F39"/>
    <mergeCell ref="C41:F41"/>
    <mergeCell ref="B45:F45"/>
    <mergeCell ref="A46:A68"/>
    <mergeCell ref="B46:F46"/>
    <mergeCell ref="B51:F51"/>
    <mergeCell ref="C52:F52"/>
    <mergeCell ref="D53:F53"/>
    <mergeCell ref="D54:F54"/>
    <mergeCell ref="D55:F55"/>
    <mergeCell ref="D56:F56"/>
    <mergeCell ref="A22:A45"/>
    <mergeCell ref="B22:F22"/>
    <mergeCell ref="C24:F24"/>
    <mergeCell ref="C25:F25"/>
    <mergeCell ref="C28:F28"/>
    <mergeCell ref="C29:F29"/>
    <mergeCell ref="B31:F31"/>
    <mergeCell ref="C32:F32"/>
    <mergeCell ref="C23:F23"/>
    <mergeCell ref="C26:F26"/>
    <mergeCell ref="C27:F27"/>
    <mergeCell ref="C30:F30"/>
    <mergeCell ref="C33:F33"/>
    <mergeCell ref="C34:F34"/>
    <mergeCell ref="C35:F35"/>
    <mergeCell ref="C36:F36"/>
    <mergeCell ref="A1:F2"/>
    <mergeCell ref="C13:F13"/>
    <mergeCell ref="B14:F14"/>
    <mergeCell ref="C15:F15"/>
    <mergeCell ref="C16:F16"/>
    <mergeCell ref="D9:F9"/>
    <mergeCell ref="C19:F19"/>
    <mergeCell ref="A3:A21"/>
    <mergeCell ref="B3:F3"/>
    <mergeCell ref="C4:F4"/>
    <mergeCell ref="D5:F5"/>
    <mergeCell ref="D6:F6"/>
    <mergeCell ref="B20:F20"/>
    <mergeCell ref="B21:F21"/>
    <mergeCell ref="C17:F17"/>
    <mergeCell ref="D8:F8"/>
    <mergeCell ref="D10:F10"/>
    <mergeCell ref="D11:F11"/>
    <mergeCell ref="C12:F12"/>
    <mergeCell ref="C18:F18"/>
  </mergeCells>
  <phoneticPr fontId="3"/>
  <conditionalFormatting sqref="K3:T73">
    <cfRule type="cellIs" dxfId="6" priority="2" stopIfTrue="1" operator="equal">
      <formula>0</formula>
    </cfRule>
  </conditionalFormatting>
  <conditionalFormatting sqref="U3:U73">
    <cfRule type="cellIs" dxfId="5" priority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60" fitToWidth="0" orientation="portrait" useFirstPageNumber="1" r:id="rId1"/>
  <headerFooter scaleWithDoc="0">
    <oddHeader>&amp;L&amp;"ＭＳ ゴシック,標準"&amp;12Ⅳ　令和６年度地方公営企業事業別決算状況
　３　病院事業（法適用事業）&amp;R&amp;"ＭＳ ゴシック,標準"&amp;12
&amp;A</oddHeader>
    <oddFooter xml:space="preserve">&amp;C&amp;"ＭＳ ゴシック,標準"&amp;9&amp;P </oddFooter>
  </headerFooter>
  <colBreaks count="1" manualBreakCount="1">
    <brk id="16" max="72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W61"/>
  <sheetViews>
    <sheetView view="pageBreakPreview" zoomScaleNormal="100" zoomScaleSheetLayoutView="100" workbookViewId="0">
      <selection sqref="A1:H2"/>
    </sheetView>
  </sheetViews>
  <sheetFormatPr defaultColWidth="9.6328125" defaultRowHeight="10" customHeight="1" x14ac:dyDescent="0.2"/>
  <cols>
    <col min="1" max="4" width="1.6328125" style="4" customWidth="1"/>
    <col min="5" max="5" width="15.6328125" style="4" customWidth="1"/>
    <col min="6" max="10" width="0" style="4" hidden="1" customWidth="1"/>
    <col min="11" max="20" width="9.6328125" style="4" customWidth="1"/>
    <col min="21" max="21" width="11.6328125" style="4" customWidth="1"/>
    <col min="22" max="22" width="9.6328125" style="4"/>
    <col min="23" max="23" width="9.6328125" style="39"/>
    <col min="24" max="16384" width="9.6328125" style="4"/>
  </cols>
  <sheetData>
    <row r="1" spans="1:21" ht="10" customHeight="1" x14ac:dyDescent="0.2">
      <c r="A1" s="159" t="s">
        <v>243</v>
      </c>
      <c r="B1" s="160"/>
      <c r="C1" s="160"/>
      <c r="D1" s="160"/>
      <c r="E1" s="161"/>
      <c r="F1" s="1"/>
      <c r="G1" s="1"/>
      <c r="H1" s="1"/>
      <c r="I1" s="1"/>
      <c r="J1" s="1"/>
      <c r="K1" s="31" t="s">
        <v>34</v>
      </c>
      <c r="L1" s="32" t="s">
        <v>35</v>
      </c>
      <c r="M1" s="32" t="s">
        <v>36</v>
      </c>
      <c r="N1" s="32" t="s">
        <v>37</v>
      </c>
      <c r="O1" s="32" t="s">
        <v>38</v>
      </c>
      <c r="P1" s="32" t="s">
        <v>39</v>
      </c>
      <c r="Q1" s="32" t="s">
        <v>40</v>
      </c>
      <c r="R1" s="32" t="s">
        <v>41</v>
      </c>
      <c r="S1" s="32" t="s">
        <v>42</v>
      </c>
      <c r="T1" s="32" t="s">
        <v>43</v>
      </c>
      <c r="U1" s="23" t="s">
        <v>96</v>
      </c>
    </row>
    <row r="2" spans="1:21" ht="10" customHeight="1" x14ac:dyDescent="0.2">
      <c r="A2" s="162"/>
      <c r="B2" s="163"/>
      <c r="C2" s="163"/>
      <c r="D2" s="163"/>
      <c r="E2" s="164"/>
      <c r="F2" s="128"/>
      <c r="G2" s="76"/>
      <c r="H2" s="76"/>
      <c r="I2" s="76"/>
      <c r="J2" s="76"/>
      <c r="K2" s="33" t="s">
        <v>33</v>
      </c>
      <c r="L2" s="34" t="s">
        <v>33</v>
      </c>
      <c r="M2" s="34" t="s">
        <v>33</v>
      </c>
      <c r="N2" s="34" t="s">
        <v>33</v>
      </c>
      <c r="O2" s="34" t="s">
        <v>33</v>
      </c>
      <c r="P2" s="34" t="s">
        <v>33</v>
      </c>
      <c r="Q2" s="34" t="s">
        <v>33</v>
      </c>
      <c r="R2" s="34" t="s">
        <v>33</v>
      </c>
      <c r="S2" s="34" t="s">
        <v>33</v>
      </c>
      <c r="T2" s="34" t="s">
        <v>33</v>
      </c>
      <c r="U2" s="26"/>
    </row>
    <row r="3" spans="1:21" ht="10" customHeight="1" x14ac:dyDescent="0.2">
      <c r="A3" s="232" t="s">
        <v>141</v>
      </c>
      <c r="B3" s="233" t="s">
        <v>142</v>
      </c>
      <c r="C3" s="234"/>
      <c r="D3" s="234"/>
      <c r="E3" s="235"/>
      <c r="F3" s="129"/>
      <c r="G3" s="130"/>
      <c r="H3" s="130"/>
      <c r="I3" s="130"/>
      <c r="J3" s="130"/>
      <c r="K3" s="131">
        <v>593500</v>
      </c>
      <c r="L3" s="131">
        <v>0</v>
      </c>
      <c r="M3" s="131">
        <v>55000</v>
      </c>
      <c r="N3" s="131">
        <v>57700</v>
      </c>
      <c r="O3" s="131">
        <v>200900</v>
      </c>
      <c r="P3" s="131">
        <v>400000</v>
      </c>
      <c r="Q3" s="131">
        <v>0</v>
      </c>
      <c r="R3" s="131">
        <v>607100</v>
      </c>
      <c r="S3" s="131">
        <v>0</v>
      </c>
      <c r="T3" s="131">
        <v>36200</v>
      </c>
      <c r="U3" s="132">
        <v>1950400</v>
      </c>
    </row>
    <row r="4" spans="1:21" ht="10" customHeight="1" x14ac:dyDescent="0.2">
      <c r="A4" s="198"/>
      <c r="B4" s="133"/>
      <c r="C4" s="196" t="s">
        <v>143</v>
      </c>
      <c r="D4" s="196"/>
      <c r="E4" s="197"/>
      <c r="F4" s="16"/>
      <c r="G4" s="12"/>
      <c r="H4" s="12"/>
      <c r="I4" s="12"/>
      <c r="J4" s="12"/>
      <c r="K4" s="68">
        <v>593500</v>
      </c>
      <c r="L4" s="68">
        <v>0</v>
      </c>
      <c r="M4" s="68">
        <v>55000</v>
      </c>
      <c r="N4" s="68">
        <v>57700</v>
      </c>
      <c r="O4" s="68">
        <v>200900</v>
      </c>
      <c r="P4" s="68">
        <v>400000</v>
      </c>
      <c r="Q4" s="68">
        <v>0</v>
      </c>
      <c r="R4" s="68">
        <v>607100</v>
      </c>
      <c r="S4" s="68">
        <v>0</v>
      </c>
      <c r="T4" s="68">
        <v>36200</v>
      </c>
      <c r="U4" s="134">
        <v>1950400</v>
      </c>
    </row>
    <row r="5" spans="1:21" ht="10" customHeight="1" x14ac:dyDescent="0.2">
      <c r="A5" s="198"/>
      <c r="B5" s="125"/>
      <c r="C5" s="196" t="s">
        <v>24</v>
      </c>
      <c r="D5" s="196"/>
      <c r="E5" s="197"/>
      <c r="F5" s="16"/>
      <c r="G5" s="12"/>
      <c r="H5" s="12"/>
      <c r="I5" s="12"/>
      <c r="J5" s="12"/>
      <c r="K5" s="68">
        <v>0</v>
      </c>
      <c r="L5" s="68">
        <v>0</v>
      </c>
      <c r="M5" s="68">
        <v>0</v>
      </c>
      <c r="N5" s="68">
        <v>0</v>
      </c>
      <c r="O5" s="68">
        <v>0</v>
      </c>
      <c r="P5" s="68">
        <v>0</v>
      </c>
      <c r="Q5" s="68">
        <v>0</v>
      </c>
      <c r="R5" s="68">
        <v>0</v>
      </c>
      <c r="S5" s="68">
        <v>0</v>
      </c>
      <c r="T5" s="68">
        <v>0</v>
      </c>
      <c r="U5" s="134">
        <v>0</v>
      </c>
    </row>
    <row r="6" spans="1:21" ht="10" customHeight="1" x14ac:dyDescent="0.2">
      <c r="A6" s="198"/>
      <c r="B6" s="196" t="s">
        <v>144</v>
      </c>
      <c r="C6" s="196"/>
      <c r="D6" s="196"/>
      <c r="E6" s="197"/>
      <c r="F6" s="74"/>
      <c r="G6" s="40"/>
      <c r="H6" s="40"/>
      <c r="I6" s="40"/>
      <c r="J6" s="40"/>
      <c r="K6" s="68">
        <v>96526</v>
      </c>
      <c r="L6" s="68">
        <v>0</v>
      </c>
      <c r="M6" s="68">
        <v>19222</v>
      </c>
      <c r="N6" s="68">
        <v>0</v>
      </c>
      <c r="O6" s="68">
        <v>91332</v>
      </c>
      <c r="P6" s="68">
        <v>0</v>
      </c>
      <c r="Q6" s="68">
        <v>0</v>
      </c>
      <c r="R6" s="68">
        <v>0</v>
      </c>
      <c r="S6" s="68">
        <v>0</v>
      </c>
      <c r="T6" s="68">
        <v>84734</v>
      </c>
      <c r="U6" s="134">
        <v>291814</v>
      </c>
    </row>
    <row r="7" spans="1:21" ht="10" customHeight="1" x14ac:dyDescent="0.2">
      <c r="A7" s="198"/>
      <c r="B7" s="196" t="s">
        <v>49</v>
      </c>
      <c r="C7" s="196"/>
      <c r="D7" s="196"/>
      <c r="E7" s="197"/>
      <c r="F7" s="74"/>
      <c r="G7" s="40"/>
      <c r="H7" s="40"/>
      <c r="I7" s="40"/>
      <c r="J7" s="40"/>
      <c r="K7" s="68">
        <v>882852</v>
      </c>
      <c r="L7" s="68">
        <v>253639</v>
      </c>
      <c r="M7" s="68">
        <v>7733</v>
      </c>
      <c r="N7" s="68">
        <v>20880</v>
      </c>
      <c r="O7" s="68">
        <v>0</v>
      </c>
      <c r="P7" s="68">
        <v>318667</v>
      </c>
      <c r="Q7" s="68">
        <v>350000</v>
      </c>
      <c r="R7" s="68">
        <v>414000</v>
      </c>
      <c r="S7" s="68">
        <v>52817</v>
      </c>
      <c r="T7" s="68">
        <v>0</v>
      </c>
      <c r="U7" s="134">
        <v>2300588</v>
      </c>
    </row>
    <row r="8" spans="1:21" ht="10" customHeight="1" x14ac:dyDescent="0.2">
      <c r="A8" s="198"/>
      <c r="B8" s="196" t="s">
        <v>145</v>
      </c>
      <c r="C8" s="196"/>
      <c r="D8" s="196"/>
      <c r="E8" s="197"/>
      <c r="F8" s="74"/>
      <c r="G8" s="40"/>
      <c r="H8" s="40"/>
      <c r="I8" s="40"/>
      <c r="J8" s="40"/>
      <c r="K8" s="68">
        <v>0</v>
      </c>
      <c r="L8" s="68">
        <v>0</v>
      </c>
      <c r="M8" s="68">
        <v>0</v>
      </c>
      <c r="N8" s="68">
        <v>0</v>
      </c>
      <c r="O8" s="68">
        <v>0</v>
      </c>
      <c r="P8" s="68">
        <v>0</v>
      </c>
      <c r="Q8" s="68">
        <v>0</v>
      </c>
      <c r="R8" s="68">
        <v>0</v>
      </c>
      <c r="S8" s="68">
        <v>0</v>
      </c>
      <c r="T8" s="68">
        <v>0</v>
      </c>
      <c r="U8" s="134">
        <v>0</v>
      </c>
    </row>
    <row r="9" spans="1:21" ht="10" customHeight="1" x14ac:dyDescent="0.2">
      <c r="A9" s="198"/>
      <c r="B9" s="196" t="s">
        <v>54</v>
      </c>
      <c r="C9" s="196"/>
      <c r="D9" s="196"/>
      <c r="E9" s="197"/>
      <c r="F9" s="74"/>
      <c r="G9" s="40"/>
      <c r="H9" s="40"/>
      <c r="I9" s="40"/>
      <c r="J9" s="40"/>
      <c r="K9" s="68">
        <v>0</v>
      </c>
      <c r="L9" s="68">
        <v>0</v>
      </c>
      <c r="M9" s="68">
        <v>0</v>
      </c>
      <c r="N9" s="68">
        <v>0</v>
      </c>
      <c r="O9" s="68">
        <v>0</v>
      </c>
      <c r="P9" s="68">
        <v>0</v>
      </c>
      <c r="Q9" s="68">
        <v>0</v>
      </c>
      <c r="R9" s="68">
        <v>0</v>
      </c>
      <c r="S9" s="68">
        <v>0</v>
      </c>
      <c r="T9" s="68">
        <v>0</v>
      </c>
      <c r="U9" s="134">
        <v>0</v>
      </c>
    </row>
    <row r="10" spans="1:21" ht="10" customHeight="1" x14ac:dyDescent="0.2">
      <c r="A10" s="198"/>
      <c r="B10" s="196" t="s">
        <v>146</v>
      </c>
      <c r="C10" s="196"/>
      <c r="D10" s="196"/>
      <c r="E10" s="197"/>
      <c r="F10" s="74"/>
      <c r="G10" s="40"/>
      <c r="H10" s="40"/>
      <c r="I10" s="40"/>
      <c r="J10" s="40"/>
      <c r="K10" s="68">
        <v>0</v>
      </c>
      <c r="L10" s="68">
        <v>30</v>
      </c>
      <c r="M10" s="68">
        <v>0</v>
      </c>
      <c r="N10" s="68">
        <v>0</v>
      </c>
      <c r="O10" s="68">
        <v>793</v>
      </c>
      <c r="P10" s="68">
        <v>0</v>
      </c>
      <c r="Q10" s="68">
        <v>0</v>
      </c>
      <c r="R10" s="68">
        <v>0</v>
      </c>
      <c r="S10" s="68">
        <v>0</v>
      </c>
      <c r="T10" s="68">
        <v>0</v>
      </c>
      <c r="U10" s="134">
        <v>823</v>
      </c>
    </row>
    <row r="11" spans="1:21" ht="10" customHeight="1" x14ac:dyDescent="0.2">
      <c r="A11" s="198"/>
      <c r="B11" s="196" t="s">
        <v>52</v>
      </c>
      <c r="C11" s="196"/>
      <c r="D11" s="196"/>
      <c r="E11" s="197"/>
      <c r="F11" s="74"/>
      <c r="G11" s="40"/>
      <c r="H11" s="40"/>
      <c r="I11" s="40"/>
      <c r="J11" s="40"/>
      <c r="K11" s="68">
        <v>0</v>
      </c>
      <c r="L11" s="68">
        <v>2750</v>
      </c>
      <c r="M11" s="68">
        <v>0</v>
      </c>
      <c r="N11" s="68">
        <v>0</v>
      </c>
      <c r="O11" s="68">
        <v>0</v>
      </c>
      <c r="P11" s="68">
        <v>6768</v>
      </c>
      <c r="Q11" s="68">
        <v>0</v>
      </c>
      <c r="R11" s="68">
        <v>0</v>
      </c>
      <c r="S11" s="68">
        <v>0</v>
      </c>
      <c r="T11" s="68">
        <v>3179</v>
      </c>
      <c r="U11" s="134">
        <v>12697</v>
      </c>
    </row>
    <row r="12" spans="1:21" ht="10" customHeight="1" x14ac:dyDescent="0.2">
      <c r="A12" s="198"/>
      <c r="B12" s="196" t="s">
        <v>53</v>
      </c>
      <c r="C12" s="196"/>
      <c r="D12" s="196"/>
      <c r="E12" s="197"/>
      <c r="F12" s="74"/>
      <c r="G12" s="40"/>
      <c r="H12" s="40"/>
      <c r="I12" s="40"/>
      <c r="J12" s="40"/>
      <c r="K12" s="68">
        <v>0</v>
      </c>
      <c r="L12" s="68">
        <v>0</v>
      </c>
      <c r="M12" s="68">
        <v>0</v>
      </c>
      <c r="N12" s="68">
        <v>0</v>
      </c>
      <c r="O12" s="68">
        <v>0</v>
      </c>
      <c r="P12" s="68">
        <v>0</v>
      </c>
      <c r="Q12" s="68">
        <v>0</v>
      </c>
      <c r="R12" s="68">
        <v>0</v>
      </c>
      <c r="S12" s="68">
        <v>0</v>
      </c>
      <c r="T12" s="68">
        <v>0</v>
      </c>
      <c r="U12" s="134">
        <v>0</v>
      </c>
    </row>
    <row r="13" spans="1:21" ht="10" customHeight="1" x14ac:dyDescent="0.2">
      <c r="A13" s="198"/>
      <c r="B13" s="196" t="s">
        <v>147</v>
      </c>
      <c r="C13" s="196"/>
      <c r="D13" s="196"/>
      <c r="E13" s="197"/>
      <c r="F13" s="74"/>
      <c r="G13" s="40"/>
      <c r="H13" s="40"/>
      <c r="I13" s="40"/>
      <c r="J13" s="40"/>
      <c r="K13" s="68">
        <v>0</v>
      </c>
      <c r="L13" s="68">
        <v>0</v>
      </c>
      <c r="M13" s="68">
        <v>0</v>
      </c>
      <c r="N13" s="68">
        <v>0</v>
      </c>
      <c r="O13" s="68">
        <v>0</v>
      </c>
      <c r="P13" s="68">
        <v>0</v>
      </c>
      <c r="Q13" s="68">
        <v>0</v>
      </c>
      <c r="R13" s="68">
        <v>0</v>
      </c>
      <c r="S13" s="68">
        <v>0</v>
      </c>
      <c r="T13" s="68">
        <v>0</v>
      </c>
      <c r="U13" s="134">
        <v>0</v>
      </c>
    </row>
    <row r="14" spans="1:21" ht="10" customHeight="1" x14ac:dyDescent="0.2">
      <c r="A14" s="198"/>
      <c r="B14" s="196" t="s">
        <v>24</v>
      </c>
      <c r="C14" s="196"/>
      <c r="D14" s="196"/>
      <c r="E14" s="197"/>
      <c r="F14" s="74"/>
      <c r="G14" s="40"/>
      <c r="H14" s="40"/>
      <c r="I14" s="40"/>
      <c r="J14" s="40"/>
      <c r="K14" s="68">
        <v>715</v>
      </c>
      <c r="L14" s="68">
        <v>0</v>
      </c>
      <c r="M14" s="68">
        <v>0</v>
      </c>
      <c r="N14" s="68">
        <v>0</v>
      </c>
      <c r="O14" s="68">
        <v>0</v>
      </c>
      <c r="P14" s="68">
        <v>4427</v>
      </c>
      <c r="Q14" s="68">
        <v>420</v>
      </c>
      <c r="R14" s="68">
        <v>0</v>
      </c>
      <c r="S14" s="68">
        <v>110</v>
      </c>
      <c r="T14" s="68">
        <v>0</v>
      </c>
      <c r="U14" s="134">
        <v>5672</v>
      </c>
    </row>
    <row r="15" spans="1:21" ht="10" customHeight="1" x14ac:dyDescent="0.2">
      <c r="A15" s="198"/>
      <c r="B15" s="226" t="s">
        <v>245</v>
      </c>
      <c r="C15" s="196"/>
      <c r="D15" s="196"/>
      <c r="E15" s="197"/>
      <c r="F15" s="74"/>
      <c r="G15" s="40"/>
      <c r="H15" s="40"/>
      <c r="I15" s="40"/>
      <c r="J15" s="40"/>
      <c r="K15" s="68">
        <v>1573593</v>
      </c>
      <c r="L15" s="68">
        <v>256419</v>
      </c>
      <c r="M15" s="68">
        <v>81955</v>
      </c>
      <c r="N15" s="68">
        <v>78580</v>
      </c>
      <c r="O15" s="68">
        <v>293025</v>
      </c>
      <c r="P15" s="68">
        <v>729862</v>
      </c>
      <c r="Q15" s="68">
        <v>350420</v>
      </c>
      <c r="R15" s="68">
        <v>1021100</v>
      </c>
      <c r="S15" s="68">
        <v>52927</v>
      </c>
      <c r="T15" s="68">
        <v>124113</v>
      </c>
      <c r="U15" s="134">
        <v>4561994</v>
      </c>
    </row>
    <row r="16" spans="1:21" ht="10" customHeight="1" x14ac:dyDescent="0.2">
      <c r="A16" s="198"/>
      <c r="B16" s="135"/>
      <c r="C16" s="136" t="s">
        <v>148</v>
      </c>
      <c r="D16" s="137"/>
      <c r="E16" s="138"/>
      <c r="F16" s="74"/>
      <c r="G16" s="40"/>
      <c r="H16" s="40"/>
      <c r="I16" s="40"/>
      <c r="J16" s="40"/>
      <c r="K16" s="241">
        <v>0</v>
      </c>
      <c r="L16" s="139">
        <v>0</v>
      </c>
      <c r="M16" s="139">
        <v>0</v>
      </c>
      <c r="N16" s="139">
        <v>0</v>
      </c>
      <c r="O16" s="139">
        <v>0</v>
      </c>
      <c r="P16" s="139">
        <v>0</v>
      </c>
      <c r="Q16" s="139">
        <v>0</v>
      </c>
      <c r="R16" s="139">
        <v>0</v>
      </c>
      <c r="S16" s="139">
        <v>0</v>
      </c>
      <c r="T16" s="139">
        <v>0</v>
      </c>
      <c r="U16" s="140">
        <v>0</v>
      </c>
    </row>
    <row r="17" spans="1:21" ht="10" customHeight="1" x14ac:dyDescent="0.2">
      <c r="A17" s="198"/>
      <c r="B17" s="8"/>
      <c r="C17" s="57" t="s">
        <v>246</v>
      </c>
      <c r="D17" s="79"/>
      <c r="E17" s="141"/>
      <c r="F17" s="16"/>
      <c r="G17" s="12"/>
      <c r="H17" s="12"/>
      <c r="I17" s="12"/>
      <c r="J17" s="12"/>
      <c r="K17" s="241"/>
      <c r="L17" s="142">
        <v>0</v>
      </c>
      <c r="M17" s="142">
        <v>0</v>
      </c>
      <c r="N17" s="142">
        <v>0</v>
      </c>
      <c r="O17" s="142"/>
      <c r="P17" s="142">
        <v>0</v>
      </c>
      <c r="Q17" s="142">
        <v>0</v>
      </c>
      <c r="R17" s="142">
        <v>0</v>
      </c>
      <c r="S17" s="142">
        <v>0</v>
      </c>
      <c r="T17" s="142">
        <v>0</v>
      </c>
      <c r="U17" s="143">
        <v>0</v>
      </c>
    </row>
    <row r="18" spans="1:21" ht="10" customHeight="1" x14ac:dyDescent="0.2">
      <c r="A18" s="198"/>
      <c r="B18" s="6"/>
      <c r="C18" s="194" t="s">
        <v>265</v>
      </c>
      <c r="D18" s="194"/>
      <c r="E18" s="195"/>
      <c r="F18" s="16"/>
      <c r="G18" s="12"/>
      <c r="H18" s="12"/>
      <c r="I18" s="12"/>
      <c r="J18" s="12"/>
      <c r="K18" s="68">
        <v>0</v>
      </c>
      <c r="L18" s="68">
        <v>0</v>
      </c>
      <c r="M18" s="68">
        <v>0</v>
      </c>
      <c r="N18" s="68">
        <v>0</v>
      </c>
      <c r="O18" s="68">
        <v>0</v>
      </c>
      <c r="P18" s="68">
        <v>0</v>
      </c>
      <c r="Q18" s="68">
        <v>0</v>
      </c>
      <c r="R18" s="68">
        <v>0</v>
      </c>
      <c r="S18" s="68">
        <v>0</v>
      </c>
      <c r="T18" s="68">
        <v>0</v>
      </c>
      <c r="U18" s="134">
        <v>0</v>
      </c>
    </row>
    <row r="19" spans="1:21" ht="10" customHeight="1" x14ac:dyDescent="0.2">
      <c r="A19" s="198"/>
      <c r="B19" s="196" t="s">
        <v>247</v>
      </c>
      <c r="C19" s="196"/>
      <c r="D19" s="196"/>
      <c r="E19" s="197"/>
      <c r="F19" s="144"/>
      <c r="G19" s="145"/>
      <c r="H19" s="145"/>
      <c r="I19" s="145"/>
      <c r="J19" s="145"/>
      <c r="K19" s="68">
        <v>1573593</v>
      </c>
      <c r="L19" s="68">
        <v>256419</v>
      </c>
      <c r="M19" s="68">
        <v>81955</v>
      </c>
      <c r="N19" s="68">
        <v>78580</v>
      </c>
      <c r="O19" s="68">
        <v>293025</v>
      </c>
      <c r="P19" s="68">
        <v>729862</v>
      </c>
      <c r="Q19" s="68">
        <v>350420</v>
      </c>
      <c r="R19" s="68">
        <v>1021100</v>
      </c>
      <c r="S19" s="68">
        <v>52927</v>
      </c>
      <c r="T19" s="68">
        <v>124113</v>
      </c>
      <c r="U19" s="134">
        <v>4561994</v>
      </c>
    </row>
    <row r="20" spans="1:21" ht="10" customHeight="1" x14ac:dyDescent="0.2">
      <c r="A20" s="198" t="s">
        <v>149</v>
      </c>
      <c r="B20" s="226" t="s">
        <v>150</v>
      </c>
      <c r="C20" s="196"/>
      <c r="D20" s="196"/>
      <c r="E20" s="197"/>
      <c r="F20" s="74"/>
      <c r="G20" s="40"/>
      <c r="H20" s="40"/>
      <c r="I20" s="40"/>
      <c r="J20" s="40"/>
      <c r="K20" s="68">
        <v>1291261</v>
      </c>
      <c r="L20" s="68">
        <v>691090</v>
      </c>
      <c r="M20" s="68">
        <v>78501</v>
      </c>
      <c r="N20" s="68">
        <v>121492</v>
      </c>
      <c r="O20" s="68">
        <v>236515</v>
      </c>
      <c r="P20" s="68">
        <v>594060</v>
      </c>
      <c r="Q20" s="68">
        <v>730438</v>
      </c>
      <c r="R20" s="68">
        <v>702904</v>
      </c>
      <c r="S20" s="68">
        <v>41252</v>
      </c>
      <c r="T20" s="68">
        <v>56851</v>
      </c>
      <c r="U20" s="134">
        <v>4544364</v>
      </c>
    </row>
    <row r="21" spans="1:21" ht="10" customHeight="1" x14ac:dyDescent="0.2">
      <c r="A21" s="198"/>
      <c r="B21" s="8"/>
      <c r="C21" s="196" t="s">
        <v>62</v>
      </c>
      <c r="D21" s="196"/>
      <c r="E21" s="197"/>
      <c r="F21" s="16"/>
      <c r="G21" s="12"/>
      <c r="H21" s="12"/>
      <c r="I21" s="12"/>
      <c r="J21" s="12"/>
      <c r="K21" s="68">
        <v>0</v>
      </c>
      <c r="L21" s="68">
        <v>0</v>
      </c>
      <c r="M21" s="68">
        <v>0</v>
      </c>
      <c r="N21" s="68">
        <v>0</v>
      </c>
      <c r="O21" s="68">
        <v>0</v>
      </c>
      <c r="P21" s="68">
        <v>0</v>
      </c>
      <c r="Q21" s="68">
        <v>0</v>
      </c>
      <c r="R21" s="68">
        <v>0</v>
      </c>
      <c r="S21" s="68">
        <v>0</v>
      </c>
      <c r="T21" s="68">
        <v>0</v>
      </c>
      <c r="U21" s="134">
        <v>0</v>
      </c>
    </row>
    <row r="22" spans="1:21" ht="10" customHeight="1" x14ac:dyDescent="0.2">
      <c r="A22" s="198"/>
      <c r="B22" s="6"/>
      <c r="C22" s="196" t="s">
        <v>151</v>
      </c>
      <c r="D22" s="196"/>
      <c r="E22" s="197"/>
      <c r="F22" s="16"/>
      <c r="G22" s="12"/>
      <c r="H22" s="12"/>
      <c r="I22" s="12"/>
      <c r="J22" s="12"/>
      <c r="K22" s="68">
        <v>0</v>
      </c>
      <c r="L22" s="68">
        <v>0</v>
      </c>
      <c r="M22" s="68">
        <v>0</v>
      </c>
      <c r="N22" s="68">
        <v>0</v>
      </c>
      <c r="O22" s="68">
        <v>0</v>
      </c>
      <c r="P22" s="68">
        <v>0</v>
      </c>
      <c r="Q22" s="68">
        <v>0</v>
      </c>
      <c r="R22" s="68">
        <v>0</v>
      </c>
      <c r="S22" s="68">
        <v>0</v>
      </c>
      <c r="T22" s="68">
        <v>0</v>
      </c>
      <c r="U22" s="134">
        <v>0</v>
      </c>
    </row>
    <row r="23" spans="1:21" ht="10" customHeight="1" x14ac:dyDescent="0.2">
      <c r="A23" s="198"/>
      <c r="B23" s="226" t="s">
        <v>311</v>
      </c>
      <c r="C23" s="196"/>
      <c r="D23" s="196"/>
      <c r="E23" s="197"/>
      <c r="F23" s="74"/>
      <c r="G23" s="40"/>
      <c r="H23" s="40"/>
      <c r="I23" s="40"/>
      <c r="J23" s="40"/>
      <c r="K23" s="68">
        <v>1944494</v>
      </c>
      <c r="L23" s="68">
        <v>80000</v>
      </c>
      <c r="M23" s="68">
        <v>35824</v>
      </c>
      <c r="N23" s="68">
        <v>0</v>
      </c>
      <c r="O23" s="68">
        <v>182665</v>
      </c>
      <c r="P23" s="68">
        <v>514786</v>
      </c>
      <c r="Q23" s="68">
        <v>464372</v>
      </c>
      <c r="R23" s="68">
        <v>762576</v>
      </c>
      <c r="S23" s="68">
        <v>61077</v>
      </c>
      <c r="T23" s="68">
        <v>107866</v>
      </c>
      <c r="U23" s="134">
        <v>4153660</v>
      </c>
    </row>
    <row r="24" spans="1:21" ht="10" customHeight="1" x14ac:dyDescent="0.2">
      <c r="A24" s="198"/>
      <c r="B24" s="8"/>
      <c r="C24" s="196" t="s">
        <v>143</v>
      </c>
      <c r="D24" s="196"/>
      <c r="E24" s="197"/>
      <c r="F24" s="16"/>
      <c r="G24" s="12"/>
      <c r="H24" s="12"/>
      <c r="I24" s="12"/>
      <c r="J24" s="12"/>
      <c r="K24" s="68">
        <v>1944494</v>
      </c>
      <c r="L24" s="68">
        <v>80000</v>
      </c>
      <c r="M24" s="68">
        <v>35824</v>
      </c>
      <c r="N24" s="68">
        <v>0</v>
      </c>
      <c r="O24" s="68">
        <v>182665</v>
      </c>
      <c r="P24" s="68">
        <v>453502</v>
      </c>
      <c r="Q24" s="68">
        <v>464372</v>
      </c>
      <c r="R24" s="68">
        <v>747701</v>
      </c>
      <c r="S24" s="68">
        <v>61077</v>
      </c>
      <c r="T24" s="68">
        <v>107866</v>
      </c>
      <c r="U24" s="134">
        <v>4077501</v>
      </c>
    </row>
    <row r="25" spans="1:21" ht="10" customHeight="1" x14ac:dyDescent="0.2">
      <c r="A25" s="198"/>
      <c r="B25" s="6"/>
      <c r="C25" s="196" t="s">
        <v>24</v>
      </c>
      <c r="D25" s="196"/>
      <c r="E25" s="197"/>
      <c r="F25" s="16"/>
      <c r="G25" s="12"/>
      <c r="H25" s="12"/>
      <c r="I25" s="12"/>
      <c r="J25" s="12"/>
      <c r="K25" s="68">
        <v>0</v>
      </c>
      <c r="L25" s="68">
        <v>0</v>
      </c>
      <c r="M25" s="68">
        <v>0</v>
      </c>
      <c r="N25" s="68">
        <v>0</v>
      </c>
      <c r="O25" s="68">
        <v>0</v>
      </c>
      <c r="P25" s="68">
        <v>61284</v>
      </c>
      <c r="Q25" s="68">
        <v>0</v>
      </c>
      <c r="R25" s="68">
        <v>14875</v>
      </c>
      <c r="S25" s="68">
        <v>0</v>
      </c>
      <c r="T25" s="68">
        <v>0</v>
      </c>
      <c r="U25" s="134">
        <v>76159</v>
      </c>
    </row>
    <row r="26" spans="1:21" ht="10" customHeight="1" x14ac:dyDescent="0.2">
      <c r="A26" s="198"/>
      <c r="B26" s="196" t="s">
        <v>152</v>
      </c>
      <c r="C26" s="196"/>
      <c r="D26" s="196"/>
      <c r="E26" s="197"/>
      <c r="F26" s="74"/>
      <c r="G26" s="40"/>
      <c r="H26" s="40"/>
      <c r="I26" s="40"/>
      <c r="J26" s="40"/>
      <c r="K26" s="68">
        <v>0</v>
      </c>
      <c r="L26" s="68">
        <v>0</v>
      </c>
      <c r="M26" s="68">
        <v>0</v>
      </c>
      <c r="N26" s="68">
        <v>0</v>
      </c>
      <c r="O26" s="68">
        <v>0</v>
      </c>
      <c r="P26" s="68">
        <v>0</v>
      </c>
      <c r="Q26" s="68">
        <v>0</v>
      </c>
      <c r="R26" s="68">
        <v>0</v>
      </c>
      <c r="S26" s="68">
        <v>0</v>
      </c>
      <c r="T26" s="68">
        <v>0</v>
      </c>
      <c r="U26" s="134">
        <v>0</v>
      </c>
    </row>
    <row r="27" spans="1:21" ht="10" customHeight="1" x14ac:dyDescent="0.2">
      <c r="A27" s="198"/>
      <c r="B27" s="196" t="s">
        <v>153</v>
      </c>
      <c r="C27" s="196"/>
      <c r="D27" s="196"/>
      <c r="E27" s="197"/>
      <c r="F27" s="74"/>
      <c r="G27" s="40"/>
      <c r="H27" s="40"/>
      <c r="I27" s="40"/>
      <c r="J27" s="40"/>
      <c r="K27" s="68">
        <v>0</v>
      </c>
      <c r="L27" s="68">
        <v>0</v>
      </c>
      <c r="M27" s="68">
        <v>0</v>
      </c>
      <c r="N27" s="68">
        <v>0</v>
      </c>
      <c r="O27" s="68">
        <v>0</v>
      </c>
      <c r="P27" s="68">
        <v>0</v>
      </c>
      <c r="Q27" s="68">
        <v>0</v>
      </c>
      <c r="R27" s="68">
        <v>0</v>
      </c>
      <c r="S27" s="68">
        <v>0</v>
      </c>
      <c r="T27" s="68">
        <v>0</v>
      </c>
      <c r="U27" s="134">
        <v>0</v>
      </c>
    </row>
    <row r="28" spans="1:21" ht="10" customHeight="1" x14ac:dyDescent="0.2">
      <c r="A28" s="198"/>
      <c r="B28" s="196" t="s">
        <v>24</v>
      </c>
      <c r="C28" s="196"/>
      <c r="D28" s="196"/>
      <c r="E28" s="197"/>
      <c r="F28" s="74"/>
      <c r="G28" s="40"/>
      <c r="H28" s="40"/>
      <c r="I28" s="40"/>
      <c r="J28" s="40"/>
      <c r="K28" s="68">
        <v>0</v>
      </c>
      <c r="L28" s="68">
        <v>0</v>
      </c>
      <c r="M28" s="68">
        <v>0</v>
      </c>
      <c r="N28" s="68">
        <v>0</v>
      </c>
      <c r="O28" s="68">
        <v>0</v>
      </c>
      <c r="P28" s="68">
        <v>11820</v>
      </c>
      <c r="Q28" s="68">
        <v>2520</v>
      </c>
      <c r="R28" s="68">
        <v>0</v>
      </c>
      <c r="S28" s="68">
        <v>0</v>
      </c>
      <c r="T28" s="68">
        <v>0</v>
      </c>
      <c r="U28" s="134">
        <v>14340</v>
      </c>
    </row>
    <row r="29" spans="1:21" ht="10" customHeight="1" x14ac:dyDescent="0.2">
      <c r="A29" s="198"/>
      <c r="B29" s="196" t="s">
        <v>312</v>
      </c>
      <c r="C29" s="196"/>
      <c r="D29" s="196"/>
      <c r="E29" s="197"/>
      <c r="F29" s="144"/>
      <c r="G29" s="145"/>
      <c r="H29" s="145"/>
      <c r="I29" s="145"/>
      <c r="J29" s="145"/>
      <c r="K29" s="68">
        <v>3235755</v>
      </c>
      <c r="L29" s="68">
        <v>771090</v>
      </c>
      <c r="M29" s="68">
        <v>114325</v>
      </c>
      <c r="N29" s="68">
        <v>121492</v>
      </c>
      <c r="O29" s="68">
        <v>419180</v>
      </c>
      <c r="P29" s="68">
        <v>1120666</v>
      </c>
      <c r="Q29" s="68">
        <v>1197330</v>
      </c>
      <c r="R29" s="68">
        <v>1465480</v>
      </c>
      <c r="S29" s="68">
        <v>102329</v>
      </c>
      <c r="T29" s="68">
        <v>164717</v>
      </c>
      <c r="U29" s="134">
        <v>8712364</v>
      </c>
    </row>
    <row r="30" spans="1:21" ht="10" customHeight="1" x14ac:dyDescent="0.2">
      <c r="A30" s="236" t="s">
        <v>248</v>
      </c>
      <c r="B30" s="237"/>
      <c r="C30" s="237"/>
      <c r="D30" s="196" t="s">
        <v>154</v>
      </c>
      <c r="E30" s="197"/>
      <c r="F30" s="16"/>
      <c r="G30" s="12"/>
      <c r="H30" s="12"/>
      <c r="I30" s="12"/>
      <c r="J30" s="12"/>
      <c r="K30" s="68">
        <v>0</v>
      </c>
      <c r="L30" s="68">
        <v>0</v>
      </c>
      <c r="M30" s="68">
        <v>0</v>
      </c>
      <c r="N30" s="68">
        <v>0</v>
      </c>
      <c r="O30" s="68">
        <v>0</v>
      </c>
      <c r="P30" s="68">
        <v>0</v>
      </c>
      <c r="Q30" s="68">
        <v>0</v>
      </c>
      <c r="R30" s="68">
        <v>0</v>
      </c>
      <c r="S30" s="68">
        <v>0</v>
      </c>
      <c r="T30" s="68">
        <v>0</v>
      </c>
      <c r="U30" s="134">
        <v>0</v>
      </c>
    </row>
    <row r="31" spans="1:21" ht="10" customHeight="1" x14ac:dyDescent="0.2">
      <c r="A31" s="238"/>
      <c r="B31" s="237"/>
      <c r="C31" s="237"/>
      <c r="D31" s="196" t="s">
        <v>282</v>
      </c>
      <c r="E31" s="197"/>
      <c r="F31" s="16"/>
      <c r="G31" s="12"/>
      <c r="H31" s="12"/>
      <c r="I31" s="12"/>
      <c r="J31" s="12"/>
      <c r="K31" s="120">
        <v>1662162</v>
      </c>
      <c r="L31" s="120">
        <v>514671</v>
      </c>
      <c r="M31" s="120">
        <v>32370</v>
      </c>
      <c r="N31" s="120">
        <v>42912</v>
      </c>
      <c r="O31" s="120">
        <v>126155</v>
      </c>
      <c r="P31" s="120">
        <v>390804</v>
      </c>
      <c r="Q31" s="120">
        <v>846910</v>
      </c>
      <c r="R31" s="120">
        <v>444380</v>
      </c>
      <c r="S31" s="120">
        <v>49402</v>
      </c>
      <c r="T31" s="120">
        <v>40604</v>
      </c>
      <c r="U31" s="105">
        <v>4150370</v>
      </c>
    </row>
    <row r="32" spans="1:21" ht="10" customHeight="1" x14ac:dyDescent="0.2">
      <c r="A32" s="198" t="s">
        <v>155</v>
      </c>
      <c r="B32" s="196" t="s">
        <v>156</v>
      </c>
      <c r="C32" s="196"/>
      <c r="D32" s="196"/>
      <c r="E32" s="197"/>
      <c r="F32" s="74"/>
      <c r="G32" s="40"/>
      <c r="H32" s="40"/>
      <c r="I32" s="40"/>
      <c r="J32" s="40"/>
      <c r="K32" s="68">
        <v>1662162</v>
      </c>
      <c r="L32" s="68">
        <v>513478</v>
      </c>
      <c r="M32" s="68">
        <v>32164</v>
      </c>
      <c r="N32" s="68">
        <v>32250</v>
      </c>
      <c r="O32" s="68">
        <v>125189</v>
      </c>
      <c r="P32" s="68">
        <v>389371</v>
      </c>
      <c r="Q32" s="68">
        <v>846095</v>
      </c>
      <c r="R32" s="68">
        <v>0</v>
      </c>
      <c r="S32" s="68">
        <v>0</v>
      </c>
      <c r="T32" s="68">
        <v>35436</v>
      </c>
      <c r="U32" s="134">
        <v>3636145</v>
      </c>
    </row>
    <row r="33" spans="1:21" ht="10" customHeight="1" x14ac:dyDescent="0.2">
      <c r="A33" s="198"/>
      <c r="B33" s="196" t="s">
        <v>157</v>
      </c>
      <c r="C33" s="196"/>
      <c r="D33" s="196"/>
      <c r="E33" s="197"/>
      <c r="F33" s="74"/>
      <c r="G33" s="40"/>
      <c r="H33" s="40"/>
      <c r="I33" s="40"/>
      <c r="J33" s="40"/>
      <c r="K33" s="68">
        <v>0</v>
      </c>
      <c r="L33" s="68">
        <v>0</v>
      </c>
      <c r="M33" s="68">
        <v>0</v>
      </c>
      <c r="N33" s="68">
        <v>0</v>
      </c>
      <c r="O33" s="68">
        <v>0</v>
      </c>
      <c r="P33" s="68">
        <v>0</v>
      </c>
      <c r="Q33" s="68">
        <v>0</v>
      </c>
      <c r="R33" s="68">
        <v>0</v>
      </c>
      <c r="S33" s="68">
        <v>0</v>
      </c>
      <c r="T33" s="68">
        <v>0</v>
      </c>
      <c r="U33" s="134">
        <v>0</v>
      </c>
    </row>
    <row r="34" spans="1:21" ht="10" customHeight="1" x14ac:dyDescent="0.2">
      <c r="A34" s="198"/>
      <c r="B34" s="196" t="s">
        <v>158</v>
      </c>
      <c r="C34" s="196"/>
      <c r="D34" s="196"/>
      <c r="E34" s="197"/>
      <c r="F34" s="74"/>
      <c r="G34" s="40"/>
      <c r="H34" s="40"/>
      <c r="I34" s="40"/>
      <c r="J34" s="40"/>
      <c r="K34" s="68">
        <v>0</v>
      </c>
      <c r="L34" s="68">
        <v>0</v>
      </c>
      <c r="M34" s="68">
        <v>0</v>
      </c>
      <c r="N34" s="68">
        <v>0</v>
      </c>
      <c r="O34" s="68">
        <v>0</v>
      </c>
      <c r="P34" s="68">
        <v>0</v>
      </c>
      <c r="Q34" s="68">
        <v>0</v>
      </c>
      <c r="R34" s="68">
        <v>0</v>
      </c>
      <c r="S34" s="68">
        <v>0</v>
      </c>
      <c r="T34" s="68">
        <v>0</v>
      </c>
      <c r="U34" s="134">
        <v>0</v>
      </c>
    </row>
    <row r="35" spans="1:21" ht="10" customHeight="1" x14ac:dyDescent="0.2">
      <c r="A35" s="198"/>
      <c r="B35" s="196" t="s">
        <v>159</v>
      </c>
      <c r="C35" s="196"/>
      <c r="D35" s="196"/>
      <c r="E35" s="197"/>
      <c r="F35" s="74"/>
      <c r="G35" s="40"/>
      <c r="H35" s="40"/>
      <c r="I35" s="40"/>
      <c r="J35" s="40"/>
      <c r="K35" s="68">
        <v>0</v>
      </c>
      <c r="L35" s="68">
        <v>0</v>
      </c>
      <c r="M35" s="68">
        <v>0</v>
      </c>
      <c r="N35" s="68">
        <v>0</v>
      </c>
      <c r="O35" s="68">
        <v>0</v>
      </c>
      <c r="P35" s="68">
        <v>0</v>
      </c>
      <c r="Q35" s="68">
        <v>0</v>
      </c>
      <c r="R35" s="68">
        <v>0</v>
      </c>
      <c r="S35" s="68">
        <v>0</v>
      </c>
      <c r="T35" s="68">
        <v>0</v>
      </c>
      <c r="U35" s="134">
        <v>0</v>
      </c>
    </row>
    <row r="36" spans="1:21" ht="10" customHeight="1" x14ac:dyDescent="0.2">
      <c r="A36" s="198"/>
      <c r="B36" s="196" t="s">
        <v>160</v>
      </c>
      <c r="C36" s="196"/>
      <c r="D36" s="196"/>
      <c r="E36" s="197"/>
      <c r="F36" s="74"/>
      <c r="G36" s="40"/>
      <c r="H36" s="40"/>
      <c r="I36" s="40"/>
      <c r="J36" s="40"/>
      <c r="K36" s="68">
        <v>0</v>
      </c>
      <c r="L36" s="68">
        <v>0</v>
      </c>
      <c r="M36" s="68">
        <v>0</v>
      </c>
      <c r="N36" s="68">
        <v>0</v>
      </c>
      <c r="O36" s="68">
        <v>0</v>
      </c>
      <c r="P36" s="68">
        <v>0</v>
      </c>
      <c r="Q36" s="68">
        <v>0</v>
      </c>
      <c r="R36" s="68">
        <v>0</v>
      </c>
      <c r="S36" s="68">
        <v>0</v>
      </c>
      <c r="T36" s="68">
        <v>0</v>
      </c>
      <c r="U36" s="134">
        <v>0</v>
      </c>
    </row>
    <row r="37" spans="1:21" ht="10" customHeight="1" x14ac:dyDescent="0.2">
      <c r="A37" s="198"/>
      <c r="B37" s="196" t="s">
        <v>161</v>
      </c>
      <c r="C37" s="196"/>
      <c r="D37" s="196"/>
      <c r="E37" s="197"/>
      <c r="F37" s="74"/>
      <c r="G37" s="40"/>
      <c r="H37" s="40"/>
      <c r="I37" s="40"/>
      <c r="J37" s="40"/>
      <c r="K37" s="68">
        <v>0</v>
      </c>
      <c r="L37" s="68">
        <v>0</v>
      </c>
      <c r="M37" s="68">
        <v>0</v>
      </c>
      <c r="N37" s="68">
        <v>0</v>
      </c>
      <c r="O37" s="68">
        <v>0</v>
      </c>
      <c r="P37" s="68">
        <v>0</v>
      </c>
      <c r="Q37" s="68">
        <v>0</v>
      </c>
      <c r="R37" s="68">
        <v>0</v>
      </c>
      <c r="S37" s="68">
        <v>0</v>
      </c>
      <c r="T37" s="68">
        <v>0</v>
      </c>
      <c r="U37" s="134">
        <v>0</v>
      </c>
    </row>
    <row r="38" spans="1:21" ht="10" customHeight="1" x14ac:dyDescent="0.2">
      <c r="A38" s="198"/>
      <c r="B38" s="196" t="s">
        <v>24</v>
      </c>
      <c r="C38" s="196"/>
      <c r="D38" s="196"/>
      <c r="E38" s="197"/>
      <c r="F38" s="74"/>
      <c r="G38" s="40"/>
      <c r="H38" s="40"/>
      <c r="I38" s="40"/>
      <c r="J38" s="40"/>
      <c r="K38" s="68">
        <v>0</v>
      </c>
      <c r="L38" s="68">
        <v>1193</v>
      </c>
      <c r="M38" s="68">
        <v>206</v>
      </c>
      <c r="N38" s="68">
        <v>10662</v>
      </c>
      <c r="O38" s="68">
        <v>966</v>
      </c>
      <c r="P38" s="68">
        <v>1433</v>
      </c>
      <c r="Q38" s="68">
        <v>815</v>
      </c>
      <c r="R38" s="68">
        <v>2232</v>
      </c>
      <c r="S38" s="68">
        <v>49402</v>
      </c>
      <c r="T38" s="68">
        <v>5168</v>
      </c>
      <c r="U38" s="134">
        <v>72077</v>
      </c>
    </row>
    <row r="39" spans="1:21" ht="10" customHeight="1" x14ac:dyDescent="0.2">
      <c r="A39" s="198"/>
      <c r="B39" s="196" t="s">
        <v>249</v>
      </c>
      <c r="C39" s="196"/>
      <c r="D39" s="196"/>
      <c r="E39" s="197"/>
      <c r="F39" s="144"/>
      <c r="G39" s="145"/>
      <c r="H39" s="145"/>
      <c r="I39" s="145"/>
      <c r="J39" s="145"/>
      <c r="K39" s="68">
        <v>1662162</v>
      </c>
      <c r="L39" s="68">
        <v>514671</v>
      </c>
      <c r="M39" s="68">
        <v>32370</v>
      </c>
      <c r="N39" s="68">
        <v>42912</v>
      </c>
      <c r="O39" s="68">
        <v>126155</v>
      </c>
      <c r="P39" s="68">
        <v>390804</v>
      </c>
      <c r="Q39" s="68">
        <v>846910</v>
      </c>
      <c r="R39" s="68">
        <v>2232</v>
      </c>
      <c r="S39" s="68">
        <v>49402</v>
      </c>
      <c r="T39" s="68">
        <v>40604</v>
      </c>
      <c r="U39" s="134">
        <v>3708222</v>
      </c>
    </row>
    <row r="40" spans="1:21" ht="10" customHeight="1" x14ac:dyDescent="0.2">
      <c r="A40" s="239" t="s">
        <v>283</v>
      </c>
      <c r="B40" s="196"/>
      <c r="C40" s="196"/>
      <c r="D40" s="196"/>
      <c r="E40" s="197"/>
      <c r="F40" s="74"/>
      <c r="G40" s="40"/>
      <c r="H40" s="40"/>
      <c r="I40" s="40"/>
      <c r="J40" s="40"/>
      <c r="K40" s="120">
        <v>0</v>
      </c>
      <c r="L40" s="120">
        <v>0</v>
      </c>
      <c r="M40" s="120">
        <v>0</v>
      </c>
      <c r="N40" s="120">
        <v>0</v>
      </c>
      <c r="O40" s="120">
        <v>0</v>
      </c>
      <c r="P40" s="120">
        <v>0</v>
      </c>
      <c r="Q40" s="120">
        <v>0</v>
      </c>
      <c r="R40" s="120">
        <v>442148</v>
      </c>
      <c r="S40" s="120">
        <v>0</v>
      </c>
      <c r="T40" s="120">
        <v>0</v>
      </c>
      <c r="U40" s="105">
        <v>442148</v>
      </c>
    </row>
    <row r="41" spans="1:21" ht="10" customHeight="1" x14ac:dyDescent="0.2">
      <c r="A41" s="240" t="s">
        <v>162</v>
      </c>
      <c r="B41" s="194"/>
      <c r="C41" s="194"/>
      <c r="D41" s="194"/>
      <c r="E41" s="195"/>
      <c r="F41" s="74"/>
      <c r="G41" s="40"/>
      <c r="H41" s="40"/>
      <c r="I41" s="40"/>
      <c r="J41" s="40"/>
      <c r="K41" s="68">
        <v>0</v>
      </c>
      <c r="L41" s="68">
        <v>0</v>
      </c>
      <c r="M41" s="68">
        <v>0</v>
      </c>
      <c r="N41" s="68">
        <v>0</v>
      </c>
      <c r="O41" s="68">
        <v>0</v>
      </c>
      <c r="P41" s="68">
        <v>0</v>
      </c>
      <c r="Q41" s="68">
        <v>0</v>
      </c>
      <c r="R41" s="68">
        <v>0</v>
      </c>
      <c r="S41" s="68">
        <v>0</v>
      </c>
      <c r="T41" s="68">
        <v>0</v>
      </c>
      <c r="U41" s="134">
        <v>0</v>
      </c>
    </row>
    <row r="42" spans="1:21" ht="10" customHeight="1" x14ac:dyDescent="0.2">
      <c r="A42" s="239" t="s">
        <v>163</v>
      </c>
      <c r="B42" s="196"/>
      <c r="C42" s="196"/>
      <c r="D42" s="196"/>
      <c r="E42" s="197"/>
      <c r="F42" s="16"/>
      <c r="G42" s="12"/>
      <c r="H42" s="12"/>
      <c r="I42" s="12"/>
      <c r="J42" s="12"/>
      <c r="K42" s="68">
        <v>0</v>
      </c>
      <c r="L42" s="68">
        <v>0</v>
      </c>
      <c r="M42" s="68">
        <v>0</v>
      </c>
      <c r="N42" s="68">
        <v>0</v>
      </c>
      <c r="O42" s="68">
        <v>0</v>
      </c>
      <c r="P42" s="68">
        <v>0</v>
      </c>
      <c r="Q42" s="68">
        <v>0</v>
      </c>
      <c r="R42" s="68">
        <v>0</v>
      </c>
      <c r="S42" s="68">
        <v>0</v>
      </c>
      <c r="T42" s="68">
        <v>0</v>
      </c>
      <c r="U42" s="134">
        <v>0</v>
      </c>
    </row>
    <row r="43" spans="1:21" ht="10" customHeight="1" x14ac:dyDescent="0.2">
      <c r="A43" s="245" t="s">
        <v>164</v>
      </c>
      <c r="B43" s="246"/>
      <c r="C43" s="190" t="s">
        <v>142</v>
      </c>
      <c r="D43" s="196" t="s">
        <v>263</v>
      </c>
      <c r="E43" s="197"/>
      <c r="F43" s="74"/>
      <c r="G43" s="40"/>
      <c r="H43" s="40"/>
      <c r="I43" s="40"/>
      <c r="J43" s="40"/>
      <c r="K43" s="68">
        <v>0</v>
      </c>
      <c r="L43" s="68">
        <v>0</v>
      </c>
      <c r="M43" s="68">
        <v>0</v>
      </c>
      <c r="N43" s="68">
        <v>0</v>
      </c>
      <c r="O43" s="68">
        <v>0</v>
      </c>
      <c r="P43" s="68">
        <v>0</v>
      </c>
      <c r="Q43" s="68">
        <v>0</v>
      </c>
      <c r="R43" s="68">
        <v>0</v>
      </c>
      <c r="S43" s="68">
        <v>0</v>
      </c>
      <c r="T43" s="68">
        <v>0</v>
      </c>
      <c r="U43" s="134">
        <v>0</v>
      </c>
    </row>
    <row r="44" spans="1:21" ht="10" customHeight="1" x14ac:dyDescent="0.2">
      <c r="A44" s="245"/>
      <c r="B44" s="246"/>
      <c r="C44" s="190"/>
      <c r="D44" s="196" t="s">
        <v>264</v>
      </c>
      <c r="E44" s="197"/>
      <c r="F44" s="74"/>
      <c r="G44" s="40"/>
      <c r="H44" s="40"/>
      <c r="I44" s="40"/>
      <c r="J44" s="40"/>
      <c r="K44" s="68">
        <v>0</v>
      </c>
      <c r="L44" s="68">
        <v>0</v>
      </c>
      <c r="M44" s="68">
        <v>0</v>
      </c>
      <c r="N44" s="68">
        <v>0</v>
      </c>
      <c r="O44" s="68">
        <v>65400</v>
      </c>
      <c r="P44" s="68">
        <v>0</v>
      </c>
      <c r="Q44" s="68">
        <v>0</v>
      </c>
      <c r="R44" s="68">
        <v>232700</v>
      </c>
      <c r="S44" s="68">
        <v>0</v>
      </c>
      <c r="T44" s="68">
        <v>0</v>
      </c>
      <c r="U44" s="134">
        <v>298100</v>
      </c>
    </row>
    <row r="45" spans="1:21" ht="10" customHeight="1" x14ac:dyDescent="0.2">
      <c r="A45" s="245"/>
      <c r="B45" s="246"/>
      <c r="C45" s="190"/>
      <c r="D45" s="196" t="s">
        <v>24</v>
      </c>
      <c r="E45" s="197"/>
      <c r="F45" s="74"/>
      <c r="G45" s="40"/>
      <c r="H45" s="40"/>
      <c r="I45" s="40"/>
      <c r="J45" s="40"/>
      <c r="K45" s="68">
        <v>593500</v>
      </c>
      <c r="L45" s="68">
        <v>0</v>
      </c>
      <c r="M45" s="68">
        <v>55000</v>
      </c>
      <c r="N45" s="68">
        <v>0</v>
      </c>
      <c r="O45" s="68">
        <v>130600</v>
      </c>
      <c r="P45" s="68">
        <v>400000</v>
      </c>
      <c r="Q45" s="68">
        <v>0</v>
      </c>
      <c r="R45" s="68">
        <v>374400</v>
      </c>
      <c r="S45" s="68">
        <v>0</v>
      </c>
      <c r="T45" s="68">
        <v>36200</v>
      </c>
      <c r="U45" s="134">
        <v>1589700</v>
      </c>
    </row>
    <row r="46" spans="1:21" ht="10" customHeight="1" x14ac:dyDescent="0.2">
      <c r="A46" s="245"/>
      <c r="B46" s="246"/>
      <c r="C46" s="196" t="s">
        <v>52</v>
      </c>
      <c r="D46" s="196"/>
      <c r="E46" s="197"/>
      <c r="F46" s="74"/>
      <c r="G46" s="40"/>
      <c r="H46" s="40"/>
      <c r="I46" s="40"/>
      <c r="J46" s="40"/>
      <c r="K46" s="68">
        <v>0</v>
      </c>
      <c r="L46" s="68">
        <v>2750</v>
      </c>
      <c r="M46" s="68">
        <v>0</v>
      </c>
      <c r="N46" s="68">
        <v>0</v>
      </c>
      <c r="O46" s="68">
        <v>0</v>
      </c>
      <c r="P46" s="68">
        <v>6768</v>
      </c>
      <c r="Q46" s="68">
        <v>0</v>
      </c>
      <c r="R46" s="68">
        <v>0</v>
      </c>
      <c r="S46" s="68">
        <v>0</v>
      </c>
      <c r="T46" s="68">
        <v>0</v>
      </c>
      <c r="U46" s="134">
        <v>9518</v>
      </c>
    </row>
    <row r="47" spans="1:21" ht="10" customHeight="1" x14ac:dyDescent="0.2">
      <c r="A47" s="245"/>
      <c r="B47" s="246"/>
      <c r="C47" s="196" t="s">
        <v>53</v>
      </c>
      <c r="D47" s="196"/>
      <c r="E47" s="197"/>
      <c r="F47" s="74"/>
      <c r="G47" s="40"/>
      <c r="H47" s="40"/>
      <c r="I47" s="40"/>
      <c r="J47" s="40"/>
      <c r="K47" s="68">
        <v>0</v>
      </c>
      <c r="L47" s="68">
        <v>0</v>
      </c>
      <c r="M47" s="68">
        <v>0</v>
      </c>
      <c r="N47" s="68">
        <v>0</v>
      </c>
      <c r="O47" s="68">
        <v>0</v>
      </c>
      <c r="P47" s="68">
        <v>0</v>
      </c>
      <c r="Q47" s="68">
        <v>0</v>
      </c>
      <c r="R47" s="68">
        <v>0</v>
      </c>
      <c r="S47" s="68">
        <v>0</v>
      </c>
      <c r="T47" s="68">
        <v>0</v>
      </c>
      <c r="U47" s="134">
        <v>0</v>
      </c>
    </row>
    <row r="48" spans="1:21" ht="10" customHeight="1" x14ac:dyDescent="0.2">
      <c r="A48" s="245"/>
      <c r="B48" s="246"/>
      <c r="C48" s="196" t="s">
        <v>147</v>
      </c>
      <c r="D48" s="196"/>
      <c r="E48" s="197"/>
      <c r="F48" s="74"/>
      <c r="G48" s="40"/>
      <c r="H48" s="40"/>
      <c r="I48" s="40"/>
      <c r="J48" s="40"/>
      <c r="K48" s="68">
        <v>0</v>
      </c>
      <c r="L48" s="68">
        <v>0</v>
      </c>
      <c r="M48" s="68">
        <v>0</v>
      </c>
      <c r="N48" s="68">
        <v>0</v>
      </c>
      <c r="O48" s="68">
        <v>0</v>
      </c>
      <c r="P48" s="68">
        <v>0</v>
      </c>
      <c r="Q48" s="68">
        <v>0</v>
      </c>
      <c r="R48" s="68">
        <v>0</v>
      </c>
      <c r="S48" s="68">
        <v>0</v>
      </c>
      <c r="T48" s="68">
        <v>0</v>
      </c>
      <c r="U48" s="134">
        <v>0</v>
      </c>
    </row>
    <row r="49" spans="1:21" ht="10" customHeight="1" x14ac:dyDescent="0.2">
      <c r="A49" s="245"/>
      <c r="B49" s="246"/>
      <c r="C49" s="196" t="s">
        <v>59</v>
      </c>
      <c r="D49" s="196"/>
      <c r="E49" s="197"/>
      <c r="F49" s="74"/>
      <c r="G49" s="40"/>
      <c r="H49" s="40"/>
      <c r="I49" s="40"/>
      <c r="J49" s="40"/>
      <c r="K49" s="68">
        <v>0</v>
      </c>
      <c r="L49" s="68">
        <v>0</v>
      </c>
      <c r="M49" s="68">
        <v>7733</v>
      </c>
      <c r="N49" s="68">
        <v>0</v>
      </c>
      <c r="O49" s="68">
        <v>0</v>
      </c>
      <c r="P49" s="68">
        <v>91916</v>
      </c>
      <c r="Q49" s="68">
        <v>51696</v>
      </c>
      <c r="R49" s="68">
        <v>0</v>
      </c>
      <c r="S49" s="68">
        <v>0</v>
      </c>
      <c r="T49" s="68">
        <v>0</v>
      </c>
      <c r="U49" s="134">
        <v>151345</v>
      </c>
    </row>
    <row r="50" spans="1:21" ht="10" customHeight="1" x14ac:dyDescent="0.2">
      <c r="A50" s="245"/>
      <c r="B50" s="246"/>
      <c r="C50" s="196" t="s">
        <v>24</v>
      </c>
      <c r="D50" s="196"/>
      <c r="E50" s="197"/>
      <c r="F50" s="74"/>
      <c r="G50" s="40"/>
      <c r="H50" s="40"/>
      <c r="I50" s="40"/>
      <c r="J50" s="40"/>
      <c r="K50" s="68">
        <v>697761</v>
      </c>
      <c r="L50" s="68">
        <v>688340</v>
      </c>
      <c r="M50" s="68">
        <v>15768</v>
      </c>
      <c r="N50" s="68">
        <v>121492</v>
      </c>
      <c r="O50" s="68">
        <v>40515</v>
      </c>
      <c r="P50" s="68">
        <v>95376</v>
      </c>
      <c r="Q50" s="68">
        <v>678742</v>
      </c>
      <c r="R50" s="68">
        <v>95804</v>
      </c>
      <c r="S50" s="68">
        <v>41252</v>
      </c>
      <c r="T50" s="68">
        <v>20651</v>
      </c>
      <c r="U50" s="134">
        <v>2495701</v>
      </c>
    </row>
    <row r="51" spans="1:21" ht="10" customHeight="1" x14ac:dyDescent="0.2">
      <c r="A51" s="206" t="s">
        <v>165</v>
      </c>
      <c r="B51" s="196"/>
      <c r="C51" s="196"/>
      <c r="D51" s="196"/>
      <c r="E51" s="197"/>
      <c r="F51" s="74"/>
      <c r="G51" s="40"/>
      <c r="H51" s="40"/>
      <c r="I51" s="40"/>
      <c r="J51" s="40"/>
      <c r="K51" s="68">
        <v>979378</v>
      </c>
      <c r="L51" s="68">
        <v>253639</v>
      </c>
      <c r="M51" s="68">
        <v>26955</v>
      </c>
      <c r="N51" s="68">
        <v>20880</v>
      </c>
      <c r="O51" s="68">
        <v>91332</v>
      </c>
      <c r="P51" s="68">
        <v>318667</v>
      </c>
      <c r="Q51" s="68">
        <v>350000</v>
      </c>
      <c r="R51" s="68">
        <v>414000</v>
      </c>
      <c r="S51" s="68">
        <v>52817</v>
      </c>
      <c r="T51" s="68">
        <v>84734</v>
      </c>
      <c r="U51" s="134">
        <v>2592402</v>
      </c>
    </row>
    <row r="52" spans="1:21" ht="9" customHeight="1" x14ac:dyDescent="0.2">
      <c r="A52" s="7"/>
      <c r="B52" s="196" t="s">
        <v>166</v>
      </c>
      <c r="C52" s="196"/>
      <c r="D52" s="196"/>
      <c r="E52" s="197"/>
      <c r="F52" s="74"/>
      <c r="G52" s="40"/>
      <c r="H52" s="40"/>
      <c r="I52" s="40"/>
      <c r="J52" s="40"/>
      <c r="K52" s="68">
        <v>979378</v>
      </c>
      <c r="L52" s="68">
        <v>253639</v>
      </c>
      <c r="M52" s="68">
        <v>26955</v>
      </c>
      <c r="N52" s="68">
        <v>20880</v>
      </c>
      <c r="O52" s="68">
        <v>91332</v>
      </c>
      <c r="P52" s="68">
        <v>318667</v>
      </c>
      <c r="Q52" s="68">
        <v>350000</v>
      </c>
      <c r="R52" s="68">
        <v>414000</v>
      </c>
      <c r="S52" s="68">
        <v>52817</v>
      </c>
      <c r="T52" s="68">
        <v>84734</v>
      </c>
      <c r="U52" s="134">
        <v>2592402</v>
      </c>
    </row>
    <row r="53" spans="1:21" ht="10" customHeight="1" x14ac:dyDescent="0.2">
      <c r="A53" s="7"/>
      <c r="B53" s="226" t="s">
        <v>167</v>
      </c>
      <c r="C53" s="196"/>
      <c r="D53" s="196"/>
      <c r="E53" s="197"/>
      <c r="F53" s="74"/>
      <c r="G53" s="40"/>
      <c r="H53" s="40"/>
      <c r="I53" s="40"/>
      <c r="J53" s="40"/>
      <c r="K53" s="68">
        <v>0</v>
      </c>
      <c r="L53" s="68">
        <v>0</v>
      </c>
      <c r="M53" s="68">
        <v>0</v>
      </c>
      <c r="N53" s="68">
        <v>0</v>
      </c>
      <c r="O53" s="68">
        <v>0</v>
      </c>
      <c r="P53" s="68">
        <v>0</v>
      </c>
      <c r="Q53" s="68">
        <v>0</v>
      </c>
      <c r="R53" s="68">
        <v>0</v>
      </c>
      <c r="S53" s="68">
        <v>0</v>
      </c>
      <c r="T53" s="68">
        <v>0</v>
      </c>
      <c r="U53" s="134">
        <v>0</v>
      </c>
    </row>
    <row r="54" spans="1:21" ht="10" customHeight="1" x14ac:dyDescent="0.2">
      <c r="A54" s="7"/>
      <c r="B54" s="8"/>
      <c r="C54" s="196" t="s">
        <v>168</v>
      </c>
      <c r="D54" s="196"/>
      <c r="E54" s="197"/>
      <c r="F54" s="74"/>
      <c r="G54" s="40"/>
      <c r="H54" s="40"/>
      <c r="I54" s="40"/>
      <c r="J54" s="40"/>
      <c r="K54" s="68">
        <v>0</v>
      </c>
      <c r="L54" s="68">
        <v>0</v>
      </c>
      <c r="M54" s="68">
        <v>0</v>
      </c>
      <c r="N54" s="68">
        <v>0</v>
      </c>
      <c r="O54" s="68">
        <v>0</v>
      </c>
      <c r="P54" s="68">
        <v>0</v>
      </c>
      <c r="Q54" s="68">
        <v>0</v>
      </c>
      <c r="R54" s="68">
        <v>0</v>
      </c>
      <c r="S54" s="68">
        <v>0</v>
      </c>
      <c r="T54" s="68">
        <v>0</v>
      </c>
      <c r="U54" s="134">
        <v>0</v>
      </c>
    </row>
    <row r="55" spans="1:21" ht="10" customHeight="1" x14ac:dyDescent="0.2">
      <c r="A55" s="73"/>
      <c r="B55" s="6"/>
      <c r="C55" s="196" t="s">
        <v>169</v>
      </c>
      <c r="D55" s="196"/>
      <c r="E55" s="197"/>
      <c r="F55" s="74"/>
      <c r="G55" s="40"/>
      <c r="H55" s="40"/>
      <c r="I55" s="40"/>
      <c r="J55" s="40"/>
      <c r="K55" s="68">
        <v>0</v>
      </c>
      <c r="L55" s="68">
        <v>0</v>
      </c>
      <c r="M55" s="68">
        <v>0</v>
      </c>
      <c r="N55" s="68">
        <v>0</v>
      </c>
      <c r="O55" s="68">
        <v>0</v>
      </c>
      <c r="P55" s="68">
        <v>0</v>
      </c>
      <c r="Q55" s="68">
        <v>0</v>
      </c>
      <c r="R55" s="68">
        <v>0</v>
      </c>
      <c r="S55" s="68">
        <v>0</v>
      </c>
      <c r="T55" s="68">
        <v>0</v>
      </c>
      <c r="U55" s="134">
        <v>0</v>
      </c>
    </row>
    <row r="56" spans="1:21" ht="10" customHeight="1" x14ac:dyDescent="0.2">
      <c r="A56" s="242" t="s">
        <v>170</v>
      </c>
      <c r="B56" s="243"/>
      <c r="C56" s="243"/>
      <c r="D56" s="243"/>
      <c r="E56" s="244"/>
      <c r="F56" s="18"/>
      <c r="G56" s="13"/>
      <c r="H56" s="13"/>
      <c r="I56" s="13"/>
      <c r="J56" s="13"/>
      <c r="K56" s="146">
        <v>27909065</v>
      </c>
      <c r="L56" s="146">
        <v>615400</v>
      </c>
      <c r="M56" s="146">
        <v>197801</v>
      </c>
      <c r="N56" s="146">
        <v>57700</v>
      </c>
      <c r="O56" s="146">
        <v>3613040</v>
      </c>
      <c r="P56" s="146">
        <v>8374154</v>
      </c>
      <c r="Q56" s="146">
        <v>4532586</v>
      </c>
      <c r="R56" s="146">
        <v>2041420</v>
      </c>
      <c r="S56" s="146">
        <v>114145</v>
      </c>
      <c r="T56" s="146">
        <v>715846</v>
      </c>
      <c r="U56" s="147">
        <v>48171157</v>
      </c>
    </row>
    <row r="57" spans="1:21" ht="10" customHeight="1" x14ac:dyDescent="0.2">
      <c r="A57" s="11"/>
    </row>
    <row r="61" spans="1:21" ht="10" customHeight="1" x14ac:dyDescent="0.2">
      <c r="F61" s="80"/>
      <c r="G61" s="80"/>
      <c r="H61" s="80"/>
      <c r="I61" s="80"/>
      <c r="J61" s="80"/>
    </row>
  </sheetData>
  <mergeCells count="60">
    <mergeCell ref="K16:K17"/>
    <mergeCell ref="A56:E56"/>
    <mergeCell ref="C47:E47"/>
    <mergeCell ref="C48:E48"/>
    <mergeCell ref="C49:E49"/>
    <mergeCell ref="C50:E50"/>
    <mergeCell ref="A51:E51"/>
    <mergeCell ref="B52:E52"/>
    <mergeCell ref="B53:E53"/>
    <mergeCell ref="C54:E54"/>
    <mergeCell ref="C55:E55"/>
    <mergeCell ref="A42:E42"/>
    <mergeCell ref="A43:B50"/>
    <mergeCell ref="C43:C45"/>
    <mergeCell ref="D45:E45"/>
    <mergeCell ref="C46:E46"/>
    <mergeCell ref="A41:E41"/>
    <mergeCell ref="A20:A29"/>
    <mergeCell ref="B20:E20"/>
    <mergeCell ref="C21:E21"/>
    <mergeCell ref="B29:E29"/>
    <mergeCell ref="C22:E22"/>
    <mergeCell ref="B23:E23"/>
    <mergeCell ref="B27:E27"/>
    <mergeCell ref="B28:E28"/>
    <mergeCell ref="C24:E24"/>
    <mergeCell ref="C25:E25"/>
    <mergeCell ref="B26:E26"/>
    <mergeCell ref="C18:E18"/>
    <mergeCell ref="D43:E43"/>
    <mergeCell ref="D44:E44"/>
    <mergeCell ref="A30:C31"/>
    <mergeCell ref="D30:E30"/>
    <mergeCell ref="D31:E31"/>
    <mergeCell ref="A32:A39"/>
    <mergeCell ref="B32:E32"/>
    <mergeCell ref="B33:E33"/>
    <mergeCell ref="B34:E34"/>
    <mergeCell ref="B35:E35"/>
    <mergeCell ref="B36:E36"/>
    <mergeCell ref="B37:E37"/>
    <mergeCell ref="B38:E38"/>
    <mergeCell ref="B39:E39"/>
    <mergeCell ref="A40:E40"/>
    <mergeCell ref="B19:E19"/>
    <mergeCell ref="A1:E2"/>
    <mergeCell ref="B11:E11"/>
    <mergeCell ref="B12:E12"/>
    <mergeCell ref="B13:E13"/>
    <mergeCell ref="B14:E14"/>
    <mergeCell ref="A3:A19"/>
    <mergeCell ref="B3:E3"/>
    <mergeCell ref="C4:E4"/>
    <mergeCell ref="C5:E5"/>
    <mergeCell ref="B6:E6"/>
    <mergeCell ref="B7:E7"/>
    <mergeCell ref="B8:E8"/>
    <mergeCell ref="B9:E9"/>
    <mergeCell ref="B10:E10"/>
    <mergeCell ref="B15:E15"/>
  </mergeCells>
  <phoneticPr fontId="3"/>
  <conditionalFormatting sqref="K3:T16 L17:T17 K18:T56">
    <cfRule type="cellIs" dxfId="4" priority="13" stopIfTrue="1" operator="equal">
      <formula>0</formula>
    </cfRule>
  </conditionalFormatting>
  <conditionalFormatting sqref="U1:U1048576">
    <cfRule type="cellIs" dxfId="3" priority="2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62" fitToWidth="0" orientation="portrait" useFirstPageNumber="1" r:id="rId1"/>
  <headerFooter scaleWithDoc="0">
    <oddHeader>&amp;L&amp;"ＭＳ ゴシック,標準"&amp;12Ⅳ　令和６年度地方公営企業事業別決算状況
　３　病院事業（法適用事業）&amp;R&amp;"ＭＳ ゴシック,標準"&amp;12
&amp;A</oddHeader>
    <oddFooter xml:space="preserve">&amp;C&amp;"ＭＳ ゴシック,標準"&amp;9&amp;P 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V63"/>
  <sheetViews>
    <sheetView view="pageBreakPreview" zoomScaleNormal="115" zoomScaleSheetLayoutView="100" workbookViewId="0">
      <selection sqref="A1:H2"/>
    </sheetView>
  </sheetViews>
  <sheetFormatPr defaultColWidth="9.6328125" defaultRowHeight="10" customHeight="1" x14ac:dyDescent="0.2"/>
  <cols>
    <col min="1" max="2" width="1.6328125" style="4" customWidth="1"/>
    <col min="3" max="3" width="3.6328125" style="4" customWidth="1"/>
    <col min="4" max="4" width="14.6328125" style="4" customWidth="1"/>
    <col min="5" max="10" width="0" style="4" hidden="1" customWidth="1"/>
    <col min="11" max="20" width="9.6328125" style="4" customWidth="1"/>
    <col min="21" max="21" width="11.6328125" style="4" customWidth="1"/>
    <col min="22" max="22" width="9.6328125" style="39"/>
    <col min="23" max="16384" width="9.6328125" style="4"/>
  </cols>
  <sheetData>
    <row r="1" spans="1:21" ht="10" customHeight="1" x14ac:dyDescent="0.2">
      <c r="A1" s="159" t="s">
        <v>243</v>
      </c>
      <c r="B1" s="160"/>
      <c r="C1" s="160"/>
      <c r="D1" s="161"/>
      <c r="E1" s="1"/>
      <c r="F1" s="1"/>
      <c r="G1" s="1"/>
      <c r="H1" s="1"/>
      <c r="I1" s="1"/>
      <c r="J1" s="1"/>
      <c r="K1" s="31" t="s">
        <v>34</v>
      </c>
      <c r="L1" s="32" t="s">
        <v>35</v>
      </c>
      <c r="M1" s="32" t="s">
        <v>36</v>
      </c>
      <c r="N1" s="32" t="s">
        <v>37</v>
      </c>
      <c r="O1" s="32" t="s">
        <v>38</v>
      </c>
      <c r="P1" s="32" t="s">
        <v>39</v>
      </c>
      <c r="Q1" s="32" t="s">
        <v>40</v>
      </c>
      <c r="R1" s="32" t="s">
        <v>41</v>
      </c>
      <c r="S1" s="32" t="s">
        <v>42</v>
      </c>
      <c r="T1" s="32" t="s">
        <v>43</v>
      </c>
      <c r="U1" s="23" t="s">
        <v>96</v>
      </c>
    </row>
    <row r="2" spans="1:21" ht="10" customHeight="1" x14ac:dyDescent="0.2">
      <c r="A2" s="162"/>
      <c r="B2" s="163"/>
      <c r="C2" s="163"/>
      <c r="D2" s="164"/>
      <c r="E2" s="35"/>
      <c r="F2" s="5"/>
      <c r="G2" s="5"/>
      <c r="H2" s="5"/>
      <c r="I2" s="5"/>
      <c r="J2" s="5"/>
      <c r="K2" s="33" t="s">
        <v>33</v>
      </c>
      <c r="L2" s="34" t="s">
        <v>33</v>
      </c>
      <c r="M2" s="34" t="s">
        <v>33</v>
      </c>
      <c r="N2" s="34" t="s">
        <v>33</v>
      </c>
      <c r="O2" s="34" t="s">
        <v>33</v>
      </c>
      <c r="P2" s="34" t="s">
        <v>33</v>
      </c>
      <c r="Q2" s="34" t="s">
        <v>33</v>
      </c>
      <c r="R2" s="34" t="s">
        <v>33</v>
      </c>
      <c r="S2" s="34" t="s">
        <v>33</v>
      </c>
      <c r="T2" s="34" t="s">
        <v>33</v>
      </c>
      <c r="U2" s="26"/>
    </row>
    <row r="3" spans="1:21" ht="10" customHeight="1" x14ac:dyDescent="0.2">
      <c r="A3" s="249" t="s">
        <v>172</v>
      </c>
      <c r="B3" s="250"/>
      <c r="C3" s="250"/>
      <c r="D3" s="251"/>
      <c r="E3" s="15"/>
      <c r="F3" s="14"/>
      <c r="G3" s="14"/>
      <c r="H3" s="14"/>
      <c r="I3" s="14"/>
      <c r="J3" s="19"/>
      <c r="K3" s="148">
        <v>190219</v>
      </c>
      <c r="L3" s="131">
        <v>142022</v>
      </c>
      <c r="M3" s="131">
        <v>33570</v>
      </c>
      <c r="N3" s="131">
        <v>12199</v>
      </c>
      <c r="O3" s="131">
        <v>31032</v>
      </c>
      <c r="P3" s="131">
        <v>102593</v>
      </c>
      <c r="Q3" s="131">
        <v>99091</v>
      </c>
      <c r="R3" s="131">
        <v>111416</v>
      </c>
      <c r="S3" s="131">
        <v>28421</v>
      </c>
      <c r="T3" s="131">
        <v>15482</v>
      </c>
      <c r="U3" s="149">
        <v>766045</v>
      </c>
    </row>
    <row r="4" spans="1:21" ht="10" customHeight="1" x14ac:dyDescent="0.2">
      <c r="A4" s="7"/>
      <c r="B4" s="247" t="s">
        <v>173</v>
      </c>
      <c r="C4" s="247"/>
      <c r="D4" s="248"/>
      <c r="E4" s="16"/>
      <c r="F4" s="12"/>
      <c r="G4" s="12"/>
      <c r="H4" s="12"/>
      <c r="I4" s="12"/>
      <c r="J4" s="17"/>
      <c r="K4" s="67">
        <v>179020</v>
      </c>
      <c r="L4" s="68">
        <v>142022</v>
      </c>
      <c r="M4" s="68">
        <v>33570</v>
      </c>
      <c r="N4" s="68">
        <v>12199</v>
      </c>
      <c r="O4" s="68">
        <v>31032</v>
      </c>
      <c r="P4" s="68">
        <v>102089</v>
      </c>
      <c r="Q4" s="68">
        <v>99091</v>
      </c>
      <c r="R4" s="68">
        <v>111416</v>
      </c>
      <c r="S4" s="68">
        <v>28421</v>
      </c>
      <c r="T4" s="68">
        <v>15482</v>
      </c>
      <c r="U4" s="86">
        <v>754342</v>
      </c>
    </row>
    <row r="5" spans="1:21" ht="10" customHeight="1" x14ac:dyDescent="0.2">
      <c r="A5" s="37"/>
      <c r="B5" s="247" t="s">
        <v>174</v>
      </c>
      <c r="C5" s="247"/>
      <c r="D5" s="248"/>
      <c r="E5" s="16"/>
      <c r="F5" s="12"/>
      <c r="G5" s="12"/>
      <c r="H5" s="12"/>
      <c r="I5" s="12"/>
      <c r="J5" s="17"/>
      <c r="K5" s="67">
        <v>0</v>
      </c>
      <c r="L5" s="68">
        <v>0</v>
      </c>
      <c r="M5" s="68">
        <v>0</v>
      </c>
      <c r="N5" s="68">
        <v>0</v>
      </c>
      <c r="O5" s="68">
        <v>0</v>
      </c>
      <c r="P5" s="68">
        <v>0</v>
      </c>
      <c r="Q5" s="68">
        <v>0</v>
      </c>
      <c r="R5" s="68">
        <v>0</v>
      </c>
      <c r="S5" s="68">
        <v>0</v>
      </c>
      <c r="T5" s="68">
        <v>0</v>
      </c>
      <c r="U5" s="86">
        <v>0</v>
      </c>
    </row>
    <row r="6" spans="1:21" ht="10" customHeight="1" x14ac:dyDescent="0.2">
      <c r="A6" s="37"/>
      <c r="B6" s="247" t="s">
        <v>175</v>
      </c>
      <c r="C6" s="247"/>
      <c r="D6" s="248"/>
      <c r="E6" s="16"/>
      <c r="F6" s="12"/>
      <c r="G6" s="12"/>
      <c r="H6" s="12"/>
      <c r="I6" s="12"/>
      <c r="J6" s="17"/>
      <c r="K6" s="67">
        <v>2408</v>
      </c>
      <c r="L6" s="68">
        <v>0</v>
      </c>
      <c r="M6" s="68">
        <v>0</v>
      </c>
      <c r="N6" s="68">
        <v>0</v>
      </c>
      <c r="O6" s="68">
        <v>0</v>
      </c>
      <c r="P6" s="68">
        <v>0</v>
      </c>
      <c r="Q6" s="68">
        <v>0</v>
      </c>
      <c r="R6" s="68">
        <v>0</v>
      </c>
      <c r="S6" s="68">
        <v>0</v>
      </c>
      <c r="T6" s="68">
        <v>0</v>
      </c>
      <c r="U6" s="86">
        <v>2408</v>
      </c>
    </row>
    <row r="7" spans="1:21" ht="10" customHeight="1" x14ac:dyDescent="0.2">
      <c r="A7" s="38"/>
      <c r="B7" s="247" t="s">
        <v>176</v>
      </c>
      <c r="C7" s="247"/>
      <c r="D7" s="248"/>
      <c r="E7" s="16"/>
      <c r="F7" s="12"/>
      <c r="G7" s="12"/>
      <c r="H7" s="12"/>
      <c r="I7" s="12"/>
      <c r="J7" s="17"/>
      <c r="K7" s="67">
        <v>1972</v>
      </c>
      <c r="L7" s="68">
        <v>0</v>
      </c>
      <c r="M7" s="68">
        <v>0</v>
      </c>
      <c r="N7" s="68">
        <v>0</v>
      </c>
      <c r="O7" s="68">
        <v>0</v>
      </c>
      <c r="P7" s="68">
        <v>504</v>
      </c>
      <c r="Q7" s="68">
        <v>0</v>
      </c>
      <c r="R7" s="68">
        <v>0</v>
      </c>
      <c r="S7" s="68">
        <v>0</v>
      </c>
      <c r="T7" s="68">
        <v>0</v>
      </c>
      <c r="U7" s="86">
        <v>2476</v>
      </c>
    </row>
    <row r="8" spans="1:21" ht="10" customHeight="1" x14ac:dyDescent="0.2">
      <c r="A8" s="198" t="s">
        <v>177</v>
      </c>
      <c r="B8" s="190" t="s">
        <v>178</v>
      </c>
      <c r="C8" s="247" t="s">
        <v>179</v>
      </c>
      <c r="D8" s="248"/>
      <c r="E8" s="16"/>
      <c r="F8" s="12"/>
      <c r="G8" s="12"/>
      <c r="H8" s="12"/>
      <c r="I8" s="12"/>
      <c r="J8" s="17"/>
      <c r="K8" s="67">
        <v>131147</v>
      </c>
      <c r="L8" s="68">
        <v>37385</v>
      </c>
      <c r="M8" s="68">
        <v>8706</v>
      </c>
      <c r="N8" s="68">
        <v>6230</v>
      </c>
      <c r="O8" s="68">
        <v>23760</v>
      </c>
      <c r="P8" s="68">
        <v>56623</v>
      </c>
      <c r="Q8" s="68">
        <v>57905</v>
      </c>
      <c r="R8" s="68">
        <v>31878</v>
      </c>
      <c r="S8" s="68">
        <v>14386</v>
      </c>
      <c r="T8" s="68">
        <v>5503</v>
      </c>
      <c r="U8" s="86">
        <v>373523</v>
      </c>
    </row>
    <row r="9" spans="1:21" ht="10" customHeight="1" x14ac:dyDescent="0.2">
      <c r="A9" s="198"/>
      <c r="B9" s="190"/>
      <c r="C9" s="247" t="s">
        <v>180</v>
      </c>
      <c r="D9" s="248"/>
      <c r="E9" s="16"/>
      <c r="F9" s="12"/>
      <c r="G9" s="12"/>
      <c r="H9" s="12"/>
      <c r="I9" s="12"/>
      <c r="J9" s="17"/>
      <c r="K9" s="67">
        <v>496817</v>
      </c>
      <c r="L9" s="68">
        <v>188060</v>
      </c>
      <c r="M9" s="68">
        <v>24297</v>
      </c>
      <c r="N9" s="68">
        <v>31607</v>
      </c>
      <c r="O9" s="68">
        <v>133331</v>
      </c>
      <c r="P9" s="68">
        <v>581682</v>
      </c>
      <c r="Q9" s="68">
        <v>110669</v>
      </c>
      <c r="R9" s="68">
        <v>93760</v>
      </c>
      <c r="S9" s="68">
        <v>48482</v>
      </c>
      <c r="T9" s="68">
        <v>14507</v>
      </c>
      <c r="U9" s="86">
        <v>1723212</v>
      </c>
    </row>
    <row r="10" spans="1:21" ht="10" customHeight="1" x14ac:dyDescent="0.2">
      <c r="A10" s="198"/>
      <c r="B10" s="190"/>
      <c r="C10" s="247" t="s">
        <v>181</v>
      </c>
      <c r="D10" s="248"/>
      <c r="E10" s="16"/>
      <c r="F10" s="12"/>
      <c r="G10" s="12"/>
      <c r="H10" s="12"/>
      <c r="I10" s="12"/>
      <c r="J10" s="17"/>
      <c r="K10" s="67">
        <v>3503566</v>
      </c>
      <c r="L10" s="68">
        <v>2980640</v>
      </c>
      <c r="M10" s="68">
        <v>177341</v>
      </c>
      <c r="N10" s="68">
        <v>8360</v>
      </c>
      <c r="O10" s="68">
        <v>433431</v>
      </c>
      <c r="P10" s="68">
        <v>1620758</v>
      </c>
      <c r="Q10" s="68">
        <v>2031378</v>
      </c>
      <c r="R10" s="68">
        <v>1728811</v>
      </c>
      <c r="S10" s="68">
        <v>158189</v>
      </c>
      <c r="T10" s="68">
        <v>18510</v>
      </c>
      <c r="U10" s="86">
        <v>12660984</v>
      </c>
    </row>
    <row r="11" spans="1:21" ht="10" customHeight="1" x14ac:dyDescent="0.2">
      <c r="A11" s="198"/>
      <c r="B11" s="190"/>
      <c r="C11" s="247" t="s">
        <v>182</v>
      </c>
      <c r="D11" s="248"/>
      <c r="E11" s="16"/>
      <c r="F11" s="12"/>
      <c r="G11" s="12"/>
      <c r="H11" s="12"/>
      <c r="I11" s="12"/>
      <c r="J11" s="17"/>
      <c r="K11" s="67">
        <v>135292</v>
      </c>
      <c r="L11" s="68">
        <v>116688</v>
      </c>
      <c r="M11" s="68">
        <v>8910</v>
      </c>
      <c r="N11" s="68">
        <v>17169</v>
      </c>
      <c r="O11" s="68">
        <v>93001</v>
      </c>
      <c r="P11" s="68">
        <v>114531</v>
      </c>
      <c r="Q11" s="68">
        <v>76711</v>
      </c>
      <c r="R11" s="68">
        <v>74061</v>
      </c>
      <c r="S11" s="68">
        <v>43999</v>
      </c>
      <c r="T11" s="68">
        <v>16008</v>
      </c>
      <c r="U11" s="86">
        <v>696370</v>
      </c>
    </row>
    <row r="12" spans="1:21" ht="10" customHeight="1" x14ac:dyDescent="0.2">
      <c r="A12" s="198"/>
      <c r="B12" s="190"/>
      <c r="C12" s="247" t="s">
        <v>183</v>
      </c>
      <c r="D12" s="248"/>
      <c r="E12" s="16"/>
      <c r="F12" s="12"/>
      <c r="G12" s="12"/>
      <c r="H12" s="12"/>
      <c r="I12" s="12"/>
      <c r="J12" s="17"/>
      <c r="K12" s="67">
        <v>613815</v>
      </c>
      <c r="L12" s="68">
        <v>96296</v>
      </c>
      <c r="M12" s="68">
        <v>2140</v>
      </c>
      <c r="N12" s="68">
        <v>3484</v>
      </c>
      <c r="O12" s="68">
        <v>60912</v>
      </c>
      <c r="P12" s="68">
        <v>37117</v>
      </c>
      <c r="Q12" s="68">
        <v>18713</v>
      </c>
      <c r="R12" s="68">
        <v>22978</v>
      </c>
      <c r="S12" s="68">
        <v>20109</v>
      </c>
      <c r="T12" s="68">
        <v>7003</v>
      </c>
      <c r="U12" s="86">
        <v>882567</v>
      </c>
    </row>
    <row r="13" spans="1:21" ht="10" customHeight="1" x14ac:dyDescent="0.2">
      <c r="A13" s="198"/>
      <c r="B13" s="190"/>
      <c r="C13" s="247" t="s">
        <v>184</v>
      </c>
      <c r="D13" s="248"/>
      <c r="E13" s="16"/>
      <c r="F13" s="12"/>
      <c r="G13" s="12"/>
      <c r="H13" s="12"/>
      <c r="I13" s="12"/>
      <c r="J13" s="17"/>
      <c r="K13" s="67">
        <v>3547779</v>
      </c>
      <c r="L13" s="68">
        <v>7157614</v>
      </c>
      <c r="M13" s="68">
        <v>1124278</v>
      </c>
      <c r="N13" s="68">
        <v>293239</v>
      </c>
      <c r="O13" s="68">
        <v>854143</v>
      </c>
      <c r="P13" s="68">
        <v>4007833</v>
      </c>
      <c r="Q13" s="68">
        <v>858879</v>
      </c>
      <c r="R13" s="68">
        <v>674807</v>
      </c>
      <c r="S13" s="68">
        <v>612715</v>
      </c>
      <c r="T13" s="68">
        <v>396196</v>
      </c>
      <c r="U13" s="86">
        <v>19527483</v>
      </c>
    </row>
    <row r="14" spans="1:21" ht="10" customHeight="1" x14ac:dyDescent="0.2">
      <c r="A14" s="198"/>
      <c r="B14" s="190"/>
      <c r="C14" s="247" t="s">
        <v>185</v>
      </c>
      <c r="D14" s="248"/>
      <c r="E14" s="16"/>
      <c r="F14" s="12"/>
      <c r="G14" s="12"/>
      <c r="H14" s="12"/>
      <c r="I14" s="12"/>
      <c r="J14" s="17"/>
      <c r="K14" s="67">
        <v>296048</v>
      </c>
      <c r="L14" s="68">
        <v>201655</v>
      </c>
      <c r="M14" s="68">
        <v>56492</v>
      </c>
      <c r="N14" s="68">
        <v>18106</v>
      </c>
      <c r="O14" s="68">
        <v>51879</v>
      </c>
      <c r="P14" s="68">
        <v>156631</v>
      </c>
      <c r="Q14" s="68">
        <v>161504</v>
      </c>
      <c r="R14" s="68">
        <v>166804</v>
      </c>
      <c r="S14" s="68">
        <v>48261</v>
      </c>
      <c r="T14" s="68">
        <v>28014</v>
      </c>
      <c r="U14" s="86">
        <v>1185394</v>
      </c>
    </row>
    <row r="15" spans="1:21" ht="10" customHeight="1" x14ac:dyDescent="0.2">
      <c r="A15" s="198"/>
      <c r="B15" s="190"/>
      <c r="C15" s="247" t="s">
        <v>24</v>
      </c>
      <c r="D15" s="248"/>
      <c r="E15" s="16"/>
      <c r="F15" s="12"/>
      <c r="G15" s="12"/>
      <c r="H15" s="12"/>
      <c r="I15" s="12"/>
      <c r="J15" s="17"/>
      <c r="K15" s="67">
        <v>6774632</v>
      </c>
      <c r="L15" s="68">
        <v>550586</v>
      </c>
      <c r="M15" s="68">
        <v>97358</v>
      </c>
      <c r="N15" s="68">
        <v>7071</v>
      </c>
      <c r="O15" s="68">
        <v>204973</v>
      </c>
      <c r="P15" s="68">
        <v>256124</v>
      </c>
      <c r="Q15" s="68">
        <v>3609710</v>
      </c>
      <c r="R15" s="68">
        <v>3859970</v>
      </c>
      <c r="S15" s="68">
        <v>67243</v>
      </c>
      <c r="T15" s="68">
        <v>14506</v>
      </c>
      <c r="U15" s="86">
        <v>15442173</v>
      </c>
    </row>
    <row r="16" spans="1:21" ht="10" customHeight="1" x14ac:dyDescent="0.2">
      <c r="A16" s="198"/>
      <c r="B16" s="190" t="s">
        <v>186</v>
      </c>
      <c r="C16" s="247" t="s">
        <v>187</v>
      </c>
      <c r="D16" s="248"/>
      <c r="E16" s="16"/>
      <c r="F16" s="12"/>
      <c r="G16" s="12"/>
      <c r="H16" s="12"/>
      <c r="I16" s="12"/>
      <c r="J16" s="17"/>
      <c r="K16" s="67">
        <v>79989</v>
      </c>
      <c r="L16" s="68">
        <v>80387</v>
      </c>
      <c r="M16" s="68">
        <v>44268</v>
      </c>
      <c r="N16" s="68">
        <v>79897</v>
      </c>
      <c r="O16" s="68">
        <v>32211</v>
      </c>
      <c r="P16" s="68">
        <v>51901</v>
      </c>
      <c r="Q16" s="68">
        <v>68450</v>
      </c>
      <c r="R16" s="68">
        <v>58229</v>
      </c>
      <c r="S16" s="68">
        <v>59357</v>
      </c>
      <c r="T16" s="68">
        <v>14667</v>
      </c>
      <c r="U16" s="86">
        <v>569356</v>
      </c>
    </row>
    <row r="17" spans="1:21" ht="10" customHeight="1" x14ac:dyDescent="0.2">
      <c r="A17" s="198"/>
      <c r="B17" s="190"/>
      <c r="C17" s="247" t="s">
        <v>188</v>
      </c>
      <c r="D17" s="248"/>
      <c r="E17" s="16"/>
      <c r="F17" s="12"/>
      <c r="G17" s="12"/>
      <c r="H17" s="12"/>
      <c r="I17" s="12"/>
      <c r="J17" s="17"/>
      <c r="K17" s="67">
        <v>176843</v>
      </c>
      <c r="L17" s="68">
        <v>142477</v>
      </c>
      <c r="M17" s="68">
        <v>205817</v>
      </c>
      <c r="N17" s="68">
        <v>39828</v>
      </c>
      <c r="O17" s="68">
        <v>87894</v>
      </c>
      <c r="P17" s="68">
        <v>105383</v>
      </c>
      <c r="Q17" s="68">
        <v>121354</v>
      </c>
      <c r="R17" s="68">
        <v>108578</v>
      </c>
      <c r="S17" s="68">
        <v>65957</v>
      </c>
      <c r="T17" s="68">
        <v>25363</v>
      </c>
      <c r="U17" s="86">
        <v>1079494</v>
      </c>
    </row>
    <row r="18" spans="1:21" ht="10" customHeight="1" x14ac:dyDescent="0.2">
      <c r="A18" s="198"/>
      <c r="B18" s="190"/>
      <c r="C18" s="247" t="s">
        <v>179</v>
      </c>
      <c r="D18" s="248"/>
      <c r="E18" s="16"/>
      <c r="F18" s="12"/>
      <c r="G18" s="12"/>
      <c r="H18" s="12"/>
      <c r="I18" s="12"/>
      <c r="J18" s="17"/>
      <c r="K18" s="67">
        <v>77741</v>
      </c>
      <c r="L18" s="68">
        <v>5557</v>
      </c>
      <c r="M18" s="68">
        <v>4156</v>
      </c>
      <c r="N18" s="68">
        <v>37935</v>
      </c>
      <c r="O18" s="68">
        <v>12819</v>
      </c>
      <c r="P18" s="68">
        <v>96392</v>
      </c>
      <c r="Q18" s="68">
        <v>38850</v>
      </c>
      <c r="R18" s="68">
        <v>4113</v>
      </c>
      <c r="S18" s="68">
        <v>352118</v>
      </c>
      <c r="T18" s="68">
        <v>16501</v>
      </c>
      <c r="U18" s="86">
        <v>646182</v>
      </c>
    </row>
    <row r="19" spans="1:21" ht="10" customHeight="1" x14ac:dyDescent="0.2">
      <c r="A19" s="198"/>
      <c r="B19" s="190"/>
      <c r="C19" s="247" t="s">
        <v>180</v>
      </c>
      <c r="D19" s="248"/>
      <c r="E19" s="16"/>
      <c r="F19" s="12"/>
      <c r="G19" s="12"/>
      <c r="H19" s="12"/>
      <c r="I19" s="12"/>
      <c r="J19" s="17"/>
      <c r="K19" s="67">
        <v>2438610</v>
      </c>
      <c r="L19" s="68">
        <v>1642680</v>
      </c>
      <c r="M19" s="68">
        <v>123204</v>
      </c>
      <c r="N19" s="68">
        <v>93655</v>
      </c>
      <c r="O19" s="68">
        <v>653083</v>
      </c>
      <c r="P19" s="68">
        <v>1617828</v>
      </c>
      <c r="Q19" s="68">
        <v>1138644</v>
      </c>
      <c r="R19" s="68">
        <v>782648</v>
      </c>
      <c r="S19" s="68">
        <v>54188</v>
      </c>
      <c r="T19" s="68">
        <v>32696</v>
      </c>
      <c r="U19" s="86">
        <v>8577236</v>
      </c>
    </row>
    <row r="20" spans="1:21" ht="10" customHeight="1" x14ac:dyDescent="0.2">
      <c r="A20" s="198"/>
      <c r="B20" s="190"/>
      <c r="C20" s="247" t="s">
        <v>181</v>
      </c>
      <c r="D20" s="248"/>
      <c r="E20" s="16"/>
      <c r="F20" s="12"/>
      <c r="G20" s="12"/>
      <c r="H20" s="12"/>
      <c r="I20" s="12"/>
      <c r="J20" s="17"/>
      <c r="K20" s="67">
        <v>206447</v>
      </c>
      <c r="L20" s="68">
        <v>220557</v>
      </c>
      <c r="M20" s="68">
        <v>148124</v>
      </c>
      <c r="N20" s="68">
        <v>674</v>
      </c>
      <c r="O20" s="68">
        <v>46756</v>
      </c>
      <c r="P20" s="68">
        <v>144044</v>
      </c>
      <c r="Q20" s="68">
        <v>428395</v>
      </c>
      <c r="R20" s="68">
        <v>70703</v>
      </c>
      <c r="S20" s="68">
        <v>85420</v>
      </c>
      <c r="T20" s="68">
        <v>24140</v>
      </c>
      <c r="U20" s="86">
        <v>1375260</v>
      </c>
    </row>
    <row r="21" spans="1:21" ht="10" customHeight="1" x14ac:dyDescent="0.2">
      <c r="A21" s="198"/>
      <c r="B21" s="190"/>
      <c r="C21" s="247" t="s">
        <v>182</v>
      </c>
      <c r="D21" s="248"/>
      <c r="E21" s="16"/>
      <c r="F21" s="12"/>
      <c r="G21" s="12"/>
      <c r="H21" s="12"/>
      <c r="I21" s="12"/>
      <c r="J21" s="17"/>
      <c r="K21" s="67">
        <v>931024</v>
      </c>
      <c r="L21" s="68">
        <v>883156</v>
      </c>
      <c r="M21" s="68">
        <v>200958</v>
      </c>
      <c r="N21" s="68">
        <v>176059</v>
      </c>
      <c r="O21" s="68">
        <v>295522</v>
      </c>
      <c r="P21" s="68">
        <v>1291817</v>
      </c>
      <c r="Q21" s="68">
        <v>853968</v>
      </c>
      <c r="R21" s="68">
        <v>776517</v>
      </c>
      <c r="S21" s="68">
        <v>267238</v>
      </c>
      <c r="T21" s="68">
        <v>98089</v>
      </c>
      <c r="U21" s="86">
        <v>5774348</v>
      </c>
    </row>
    <row r="22" spans="1:21" ht="10" customHeight="1" x14ac:dyDescent="0.2">
      <c r="A22" s="198"/>
      <c r="B22" s="190"/>
      <c r="C22" s="247" t="s">
        <v>183</v>
      </c>
      <c r="D22" s="248"/>
      <c r="E22" s="16"/>
      <c r="F22" s="12"/>
      <c r="G22" s="12"/>
      <c r="H22" s="12"/>
      <c r="I22" s="12"/>
      <c r="J22" s="17"/>
      <c r="K22" s="67">
        <v>907694</v>
      </c>
      <c r="L22" s="68">
        <v>820757</v>
      </c>
      <c r="M22" s="68">
        <v>95763</v>
      </c>
      <c r="N22" s="68">
        <v>12292</v>
      </c>
      <c r="O22" s="68">
        <v>166240</v>
      </c>
      <c r="P22" s="68">
        <v>126233</v>
      </c>
      <c r="Q22" s="68">
        <v>500440</v>
      </c>
      <c r="R22" s="68">
        <v>433415</v>
      </c>
      <c r="S22" s="68">
        <v>74884</v>
      </c>
      <c r="T22" s="68">
        <v>22918</v>
      </c>
      <c r="U22" s="86">
        <v>3160636</v>
      </c>
    </row>
    <row r="23" spans="1:21" ht="10" customHeight="1" x14ac:dyDescent="0.2">
      <c r="A23" s="198"/>
      <c r="B23" s="190"/>
      <c r="C23" s="247" t="s">
        <v>24</v>
      </c>
      <c r="D23" s="248"/>
      <c r="E23" s="16"/>
      <c r="F23" s="12"/>
      <c r="G23" s="12"/>
      <c r="H23" s="12"/>
      <c r="I23" s="12"/>
      <c r="J23" s="17"/>
      <c r="K23" s="67">
        <v>59866</v>
      </c>
      <c r="L23" s="68">
        <v>540137</v>
      </c>
      <c r="M23" s="68">
        <v>39529</v>
      </c>
      <c r="N23" s="68">
        <v>76301</v>
      </c>
      <c r="O23" s="68">
        <v>163633</v>
      </c>
      <c r="P23" s="68">
        <v>263922</v>
      </c>
      <c r="Q23" s="68">
        <v>518267</v>
      </c>
      <c r="R23" s="68">
        <v>514199</v>
      </c>
      <c r="S23" s="68">
        <v>150831</v>
      </c>
      <c r="T23" s="68">
        <v>123888</v>
      </c>
      <c r="U23" s="86">
        <v>2450573</v>
      </c>
    </row>
    <row r="24" spans="1:21" ht="10" customHeight="1" x14ac:dyDescent="0.2">
      <c r="A24" s="245" t="s">
        <v>189</v>
      </c>
      <c r="B24" s="196" t="s">
        <v>190</v>
      </c>
      <c r="C24" s="196"/>
      <c r="D24" s="197"/>
      <c r="E24" s="16"/>
      <c r="F24" s="12"/>
      <c r="G24" s="12"/>
      <c r="H24" s="12"/>
      <c r="I24" s="12"/>
      <c r="J24" s="17"/>
      <c r="K24" s="67">
        <v>69580</v>
      </c>
      <c r="L24" s="68">
        <v>63429</v>
      </c>
      <c r="M24" s="68">
        <v>6689</v>
      </c>
      <c r="N24" s="68">
        <v>5098</v>
      </c>
      <c r="O24" s="68">
        <v>10588</v>
      </c>
      <c r="P24" s="68">
        <v>39821</v>
      </c>
      <c r="Q24" s="68">
        <v>38106</v>
      </c>
      <c r="R24" s="68">
        <v>74095</v>
      </c>
      <c r="S24" s="68">
        <v>9004</v>
      </c>
      <c r="T24" s="68">
        <v>72</v>
      </c>
      <c r="U24" s="86">
        <v>316482</v>
      </c>
    </row>
    <row r="25" spans="1:21" ht="10" customHeight="1" x14ac:dyDescent="0.2">
      <c r="A25" s="245"/>
      <c r="B25" s="196" t="s">
        <v>191</v>
      </c>
      <c r="C25" s="196"/>
      <c r="D25" s="197"/>
      <c r="E25" s="16"/>
      <c r="F25" s="12"/>
      <c r="G25" s="12"/>
      <c r="H25" s="12"/>
      <c r="I25" s="12"/>
      <c r="J25" s="17"/>
      <c r="K25" s="67">
        <v>310686</v>
      </c>
      <c r="L25" s="68">
        <v>185669</v>
      </c>
      <c r="M25" s="68">
        <v>44392</v>
      </c>
      <c r="N25" s="68">
        <v>19091</v>
      </c>
      <c r="O25" s="68">
        <v>48445</v>
      </c>
      <c r="P25" s="68">
        <v>135452</v>
      </c>
      <c r="Q25" s="68">
        <v>137044</v>
      </c>
      <c r="R25" s="68">
        <v>165710</v>
      </c>
      <c r="S25" s="68">
        <v>37812</v>
      </c>
      <c r="T25" s="68">
        <v>565</v>
      </c>
      <c r="U25" s="86">
        <v>1084866</v>
      </c>
    </row>
    <row r="26" spans="1:21" ht="10" customHeight="1" x14ac:dyDescent="0.2">
      <c r="A26" s="245"/>
      <c r="B26" s="196" t="s">
        <v>192</v>
      </c>
      <c r="C26" s="196"/>
      <c r="D26" s="197"/>
      <c r="E26" s="16"/>
      <c r="F26" s="12"/>
      <c r="G26" s="12"/>
      <c r="H26" s="12"/>
      <c r="I26" s="12"/>
      <c r="J26" s="17"/>
      <c r="K26" s="150">
        <v>47.7</v>
      </c>
      <c r="L26" s="151">
        <v>51</v>
      </c>
      <c r="M26" s="151">
        <v>8.9</v>
      </c>
      <c r="N26" s="151">
        <v>15.2</v>
      </c>
      <c r="O26" s="151">
        <v>12</v>
      </c>
      <c r="P26" s="151">
        <v>31</v>
      </c>
      <c r="Q26" s="151">
        <v>25</v>
      </c>
      <c r="R26" s="151">
        <v>34</v>
      </c>
      <c r="S26" s="151">
        <v>10</v>
      </c>
      <c r="T26" s="151">
        <v>4</v>
      </c>
      <c r="U26" s="87">
        <v>238.8</v>
      </c>
    </row>
    <row r="27" spans="1:21" ht="10" customHeight="1" x14ac:dyDescent="0.2">
      <c r="A27" s="245"/>
      <c r="B27" s="196" t="s">
        <v>193</v>
      </c>
      <c r="C27" s="196"/>
      <c r="D27" s="197"/>
      <c r="E27" s="16"/>
      <c r="F27" s="12"/>
      <c r="G27" s="12"/>
      <c r="H27" s="12"/>
      <c r="I27" s="12"/>
      <c r="J27" s="17"/>
      <c r="K27" s="150">
        <v>42.6</v>
      </c>
      <c r="L27" s="151">
        <v>27</v>
      </c>
      <c r="M27" s="151">
        <v>6</v>
      </c>
      <c r="N27" s="151">
        <v>6</v>
      </c>
      <c r="O27" s="151">
        <v>13</v>
      </c>
      <c r="P27" s="151">
        <v>22</v>
      </c>
      <c r="Q27" s="151">
        <v>18</v>
      </c>
      <c r="R27" s="151">
        <v>26</v>
      </c>
      <c r="S27" s="151">
        <v>7</v>
      </c>
      <c r="T27" s="151">
        <v>3</v>
      </c>
      <c r="U27" s="152">
        <v>170.6</v>
      </c>
    </row>
    <row r="28" spans="1:21" ht="10" customHeight="1" x14ac:dyDescent="0.2">
      <c r="A28" s="245"/>
      <c r="B28" s="226" t="s">
        <v>194</v>
      </c>
      <c r="C28" s="196"/>
      <c r="D28" s="197"/>
      <c r="E28" s="16"/>
      <c r="F28" s="12"/>
      <c r="G28" s="12"/>
      <c r="H28" s="12"/>
      <c r="I28" s="12"/>
      <c r="J28" s="17"/>
      <c r="K28" s="150">
        <v>1462</v>
      </c>
      <c r="L28" s="151">
        <v>1027</v>
      </c>
      <c r="M28" s="151">
        <v>231</v>
      </c>
      <c r="N28" s="151">
        <v>201</v>
      </c>
      <c r="O28" s="151">
        <v>328</v>
      </c>
      <c r="P28" s="151">
        <v>820</v>
      </c>
      <c r="Q28" s="151">
        <v>783</v>
      </c>
      <c r="R28" s="151">
        <v>895</v>
      </c>
      <c r="S28" s="151">
        <v>264</v>
      </c>
      <c r="T28" s="151">
        <v>123</v>
      </c>
      <c r="U28" s="152">
        <v>6134</v>
      </c>
    </row>
    <row r="29" spans="1:21" ht="10" customHeight="1" x14ac:dyDescent="0.2">
      <c r="A29" s="245"/>
      <c r="B29" s="8"/>
      <c r="C29" s="196" t="s">
        <v>195</v>
      </c>
      <c r="D29" s="197"/>
      <c r="E29" s="16"/>
      <c r="F29" s="12"/>
      <c r="G29" s="12"/>
      <c r="H29" s="12"/>
      <c r="I29" s="12"/>
      <c r="J29" s="17"/>
      <c r="K29" s="150">
        <v>210</v>
      </c>
      <c r="L29" s="151">
        <v>150</v>
      </c>
      <c r="M29" s="151">
        <v>18</v>
      </c>
      <c r="N29" s="151">
        <v>72</v>
      </c>
      <c r="O29" s="151">
        <v>75</v>
      </c>
      <c r="P29" s="151">
        <v>228</v>
      </c>
      <c r="Q29" s="151">
        <v>186</v>
      </c>
      <c r="R29" s="151">
        <v>203</v>
      </c>
      <c r="S29" s="151">
        <v>69</v>
      </c>
      <c r="T29" s="151">
        <v>6</v>
      </c>
      <c r="U29" s="152">
        <v>1217</v>
      </c>
    </row>
    <row r="30" spans="1:21" ht="10" customHeight="1" x14ac:dyDescent="0.2">
      <c r="A30" s="245"/>
      <c r="B30" s="8"/>
      <c r="C30" s="256" t="s">
        <v>196</v>
      </c>
      <c r="D30" s="3" t="s">
        <v>197</v>
      </c>
      <c r="E30" s="16"/>
      <c r="F30" s="12"/>
      <c r="G30" s="12"/>
      <c r="H30" s="12"/>
      <c r="I30" s="12"/>
      <c r="J30" s="17"/>
      <c r="K30" s="150">
        <v>837</v>
      </c>
      <c r="L30" s="151">
        <v>512</v>
      </c>
      <c r="M30" s="151">
        <v>121</v>
      </c>
      <c r="N30" s="151">
        <v>56</v>
      </c>
      <c r="O30" s="151">
        <v>124</v>
      </c>
      <c r="P30" s="151">
        <v>350</v>
      </c>
      <c r="Q30" s="151">
        <v>374</v>
      </c>
      <c r="R30" s="151">
        <v>403</v>
      </c>
      <c r="S30" s="151">
        <v>101</v>
      </c>
      <c r="T30" s="151">
        <v>49</v>
      </c>
      <c r="U30" s="152">
        <v>2927</v>
      </c>
    </row>
    <row r="31" spans="1:21" ht="10" customHeight="1" x14ac:dyDescent="0.2">
      <c r="A31" s="245"/>
      <c r="B31" s="36"/>
      <c r="C31" s="256"/>
      <c r="D31" s="3" t="s">
        <v>198</v>
      </c>
      <c r="E31" s="16"/>
      <c r="F31" s="12"/>
      <c r="G31" s="12"/>
      <c r="H31" s="12"/>
      <c r="I31" s="12"/>
      <c r="J31" s="17"/>
      <c r="K31" s="150">
        <v>1</v>
      </c>
      <c r="L31" s="151">
        <v>3</v>
      </c>
      <c r="M31" s="151">
        <v>6</v>
      </c>
      <c r="N31" s="151">
        <v>2</v>
      </c>
      <c r="O31" s="151">
        <v>5</v>
      </c>
      <c r="P31" s="151">
        <v>0</v>
      </c>
      <c r="Q31" s="151">
        <v>0</v>
      </c>
      <c r="R31" s="151">
        <v>0</v>
      </c>
      <c r="S31" s="151">
        <v>2</v>
      </c>
      <c r="T31" s="151">
        <v>9</v>
      </c>
      <c r="U31" s="152">
        <v>28</v>
      </c>
    </row>
    <row r="32" spans="1:21" ht="10" customHeight="1" x14ac:dyDescent="0.2">
      <c r="A32" s="245"/>
      <c r="B32" s="36"/>
      <c r="C32" s="256"/>
      <c r="D32" s="3" t="s">
        <v>199</v>
      </c>
      <c r="E32" s="16"/>
      <c r="F32" s="12"/>
      <c r="G32" s="12"/>
      <c r="H32" s="12"/>
      <c r="I32" s="12"/>
      <c r="J32" s="17"/>
      <c r="K32" s="150">
        <v>61</v>
      </c>
      <c r="L32" s="151">
        <v>38</v>
      </c>
      <c r="M32" s="151">
        <v>6</v>
      </c>
      <c r="N32" s="151">
        <v>6</v>
      </c>
      <c r="O32" s="151">
        <v>14</v>
      </c>
      <c r="P32" s="151">
        <v>33</v>
      </c>
      <c r="Q32" s="151">
        <v>45</v>
      </c>
      <c r="R32" s="151">
        <v>51</v>
      </c>
      <c r="S32" s="151">
        <v>26</v>
      </c>
      <c r="T32" s="151">
        <v>24</v>
      </c>
      <c r="U32" s="152">
        <v>304</v>
      </c>
    </row>
    <row r="33" spans="1:21" ht="10" customHeight="1" x14ac:dyDescent="0.2">
      <c r="A33" s="245"/>
      <c r="B33" s="8"/>
      <c r="C33" s="196" t="s">
        <v>200</v>
      </c>
      <c r="D33" s="197"/>
      <c r="E33" s="16"/>
      <c r="F33" s="12"/>
      <c r="G33" s="12"/>
      <c r="H33" s="12"/>
      <c r="I33" s="12"/>
      <c r="J33" s="17"/>
      <c r="K33" s="150">
        <v>36</v>
      </c>
      <c r="L33" s="151">
        <v>29</v>
      </c>
      <c r="M33" s="151">
        <v>8</v>
      </c>
      <c r="N33" s="151">
        <v>3</v>
      </c>
      <c r="O33" s="151">
        <v>10</v>
      </c>
      <c r="P33" s="151">
        <v>18</v>
      </c>
      <c r="Q33" s="151">
        <v>22</v>
      </c>
      <c r="R33" s="151">
        <v>32</v>
      </c>
      <c r="S33" s="151">
        <v>8</v>
      </c>
      <c r="T33" s="151">
        <v>2</v>
      </c>
      <c r="U33" s="152">
        <v>168</v>
      </c>
    </row>
    <row r="34" spans="1:21" ht="10" customHeight="1" x14ac:dyDescent="0.2">
      <c r="A34" s="245"/>
      <c r="B34" s="8"/>
      <c r="C34" s="196" t="s">
        <v>201</v>
      </c>
      <c r="D34" s="197"/>
      <c r="E34" s="16"/>
      <c r="F34" s="12"/>
      <c r="G34" s="12"/>
      <c r="H34" s="12"/>
      <c r="I34" s="12"/>
      <c r="J34" s="17"/>
      <c r="K34" s="150">
        <v>144</v>
      </c>
      <c r="L34" s="151">
        <v>141</v>
      </c>
      <c r="M34" s="151">
        <v>24</v>
      </c>
      <c r="N34" s="151">
        <v>31</v>
      </c>
      <c r="O34" s="151">
        <v>48</v>
      </c>
      <c r="P34" s="151">
        <v>72</v>
      </c>
      <c r="Q34" s="151">
        <v>65</v>
      </c>
      <c r="R34" s="151">
        <v>77</v>
      </c>
      <c r="S34" s="151">
        <v>28</v>
      </c>
      <c r="T34" s="151">
        <v>18</v>
      </c>
      <c r="U34" s="152">
        <v>648</v>
      </c>
    </row>
    <row r="35" spans="1:21" ht="10" customHeight="1" x14ac:dyDescent="0.2">
      <c r="A35" s="245"/>
      <c r="B35" s="8"/>
      <c r="C35" s="196" t="s">
        <v>202</v>
      </c>
      <c r="D35" s="197"/>
      <c r="E35" s="16"/>
      <c r="F35" s="12"/>
      <c r="G35" s="12"/>
      <c r="H35" s="12"/>
      <c r="I35" s="12"/>
      <c r="J35" s="17"/>
      <c r="K35" s="150">
        <v>10</v>
      </c>
      <c r="L35" s="151">
        <v>10</v>
      </c>
      <c r="M35" s="151">
        <v>3</v>
      </c>
      <c r="N35" s="151">
        <v>2</v>
      </c>
      <c r="O35" s="151">
        <v>3</v>
      </c>
      <c r="P35" s="151">
        <v>4</v>
      </c>
      <c r="Q35" s="151">
        <v>5</v>
      </c>
      <c r="R35" s="151">
        <v>31</v>
      </c>
      <c r="S35" s="151">
        <v>3</v>
      </c>
      <c r="T35" s="151">
        <v>2</v>
      </c>
      <c r="U35" s="152">
        <v>73</v>
      </c>
    </row>
    <row r="36" spans="1:21" ht="10" customHeight="1" x14ac:dyDescent="0.2">
      <c r="A36" s="245"/>
      <c r="B36" s="8"/>
      <c r="C36" s="196" t="s">
        <v>203</v>
      </c>
      <c r="D36" s="197"/>
      <c r="E36" s="16"/>
      <c r="F36" s="12"/>
      <c r="G36" s="12"/>
      <c r="H36" s="12"/>
      <c r="I36" s="12"/>
      <c r="J36" s="17"/>
      <c r="K36" s="150">
        <v>43</v>
      </c>
      <c r="L36" s="151">
        <v>27</v>
      </c>
      <c r="M36" s="151">
        <v>6</v>
      </c>
      <c r="N36" s="151">
        <v>7</v>
      </c>
      <c r="O36" s="151">
        <v>13</v>
      </c>
      <c r="P36" s="151">
        <v>24</v>
      </c>
      <c r="Q36" s="151">
        <v>19</v>
      </c>
      <c r="R36" s="151">
        <v>26</v>
      </c>
      <c r="S36" s="151">
        <v>7</v>
      </c>
      <c r="T36" s="151">
        <v>3</v>
      </c>
      <c r="U36" s="152">
        <v>175</v>
      </c>
    </row>
    <row r="37" spans="1:21" ht="10" customHeight="1" x14ac:dyDescent="0.2">
      <c r="A37" s="245"/>
      <c r="B37" s="8"/>
      <c r="C37" s="196" t="s">
        <v>204</v>
      </c>
      <c r="D37" s="197"/>
      <c r="E37" s="16"/>
      <c r="F37" s="12"/>
      <c r="G37" s="12"/>
      <c r="H37" s="12"/>
      <c r="I37" s="12"/>
      <c r="J37" s="17"/>
      <c r="K37" s="150">
        <v>48</v>
      </c>
      <c r="L37" s="151">
        <v>51</v>
      </c>
      <c r="M37" s="151">
        <v>9</v>
      </c>
      <c r="N37" s="151">
        <v>16</v>
      </c>
      <c r="O37" s="151">
        <v>12</v>
      </c>
      <c r="P37" s="151">
        <v>33</v>
      </c>
      <c r="Q37" s="151">
        <v>27</v>
      </c>
      <c r="R37" s="151">
        <v>34</v>
      </c>
      <c r="S37" s="151">
        <v>10</v>
      </c>
      <c r="T37" s="151">
        <v>4</v>
      </c>
      <c r="U37" s="152">
        <v>244</v>
      </c>
    </row>
    <row r="38" spans="1:21" ht="10" customHeight="1" x14ac:dyDescent="0.2">
      <c r="A38" s="245"/>
      <c r="B38" s="6"/>
      <c r="C38" s="196" t="s">
        <v>205</v>
      </c>
      <c r="D38" s="197"/>
      <c r="E38" s="16"/>
      <c r="F38" s="12"/>
      <c r="G38" s="12"/>
      <c r="H38" s="12"/>
      <c r="I38" s="12"/>
      <c r="J38" s="17"/>
      <c r="K38" s="150">
        <v>72</v>
      </c>
      <c r="L38" s="151">
        <v>66</v>
      </c>
      <c r="M38" s="151">
        <v>30</v>
      </c>
      <c r="N38" s="151">
        <v>6</v>
      </c>
      <c r="O38" s="151">
        <v>24</v>
      </c>
      <c r="P38" s="151">
        <v>58</v>
      </c>
      <c r="Q38" s="151">
        <v>40</v>
      </c>
      <c r="R38" s="151">
        <v>38</v>
      </c>
      <c r="S38" s="151">
        <v>10</v>
      </c>
      <c r="T38" s="151">
        <v>6</v>
      </c>
      <c r="U38" s="152">
        <v>350</v>
      </c>
    </row>
    <row r="39" spans="1:21" ht="10" customHeight="1" x14ac:dyDescent="0.2">
      <c r="A39" s="184" t="s">
        <v>24</v>
      </c>
      <c r="B39" s="196" t="s">
        <v>46</v>
      </c>
      <c r="C39" s="196"/>
      <c r="D39" s="197"/>
      <c r="E39" s="16"/>
      <c r="F39" s="12"/>
      <c r="G39" s="12"/>
      <c r="H39" s="12"/>
      <c r="I39" s="12"/>
      <c r="J39" s="17"/>
      <c r="K39" s="67">
        <v>15499096</v>
      </c>
      <c r="L39" s="68">
        <v>11328924</v>
      </c>
      <c r="M39" s="68">
        <v>1499522</v>
      </c>
      <c r="N39" s="68">
        <v>385266</v>
      </c>
      <c r="O39" s="68">
        <v>1855430</v>
      </c>
      <c r="P39" s="68">
        <v>6831299</v>
      </c>
      <c r="Q39" s="68">
        <v>6925469</v>
      </c>
      <c r="R39" s="68">
        <v>6653069</v>
      </c>
      <c r="S39" s="68">
        <v>1013384</v>
      </c>
      <c r="T39" s="68">
        <v>500247</v>
      </c>
      <c r="U39" s="86">
        <v>52491706</v>
      </c>
    </row>
    <row r="40" spans="1:21" ht="10" customHeight="1" x14ac:dyDescent="0.2">
      <c r="A40" s="165"/>
      <c r="B40" s="196" t="s">
        <v>206</v>
      </c>
      <c r="C40" s="196"/>
      <c r="D40" s="197"/>
      <c r="E40" s="16"/>
      <c r="F40" s="12"/>
      <c r="G40" s="12"/>
      <c r="H40" s="12"/>
      <c r="I40" s="12"/>
      <c r="J40" s="17"/>
      <c r="K40" s="67">
        <v>24775680</v>
      </c>
      <c r="L40" s="68">
        <v>19428791</v>
      </c>
      <c r="M40" s="68">
        <v>2936244</v>
      </c>
      <c r="N40" s="68">
        <v>1853171</v>
      </c>
      <c r="O40" s="68">
        <v>3996657</v>
      </c>
      <c r="P40" s="68">
        <v>12297917</v>
      </c>
      <c r="Q40" s="68">
        <v>12543248</v>
      </c>
      <c r="R40" s="68">
        <v>11491402</v>
      </c>
      <c r="S40" s="68">
        <v>2824982</v>
      </c>
      <c r="T40" s="68">
        <v>1362880</v>
      </c>
      <c r="U40" s="86">
        <v>93510972</v>
      </c>
    </row>
    <row r="41" spans="1:21" ht="10" customHeight="1" x14ac:dyDescent="0.2">
      <c r="A41" s="165"/>
      <c r="B41" s="196" t="s">
        <v>207</v>
      </c>
      <c r="C41" s="196"/>
      <c r="D41" s="197"/>
      <c r="E41" s="16"/>
      <c r="F41" s="12"/>
      <c r="G41" s="12"/>
      <c r="H41" s="12"/>
      <c r="I41" s="12"/>
      <c r="J41" s="17"/>
      <c r="K41" s="67">
        <v>637</v>
      </c>
      <c r="L41" s="68">
        <v>510</v>
      </c>
      <c r="M41" s="68">
        <v>165</v>
      </c>
      <c r="N41" s="68">
        <v>49</v>
      </c>
      <c r="O41" s="68">
        <v>152</v>
      </c>
      <c r="P41" s="68">
        <v>363</v>
      </c>
      <c r="Q41" s="68">
        <v>380</v>
      </c>
      <c r="R41" s="68">
        <v>481</v>
      </c>
      <c r="S41" s="68">
        <v>130</v>
      </c>
      <c r="T41" s="68">
        <v>95</v>
      </c>
      <c r="U41" s="86">
        <v>2962</v>
      </c>
    </row>
    <row r="42" spans="1:21" ht="10" customHeight="1" x14ac:dyDescent="0.2">
      <c r="A42" s="185"/>
      <c r="B42" s="196" t="s">
        <v>284</v>
      </c>
      <c r="C42" s="196"/>
      <c r="D42" s="197"/>
      <c r="E42" s="16"/>
      <c r="F42" s="12"/>
      <c r="G42" s="12"/>
      <c r="H42" s="12"/>
      <c r="I42" s="12"/>
      <c r="J42" s="17"/>
      <c r="K42" s="153">
        <v>8909</v>
      </c>
      <c r="L42" s="68">
        <v>8286</v>
      </c>
      <c r="M42" s="68">
        <v>1958</v>
      </c>
      <c r="N42" s="68">
        <v>198</v>
      </c>
      <c r="O42" s="68">
        <v>1905</v>
      </c>
      <c r="P42" s="68">
        <v>3982</v>
      </c>
      <c r="Q42" s="68">
        <v>4462</v>
      </c>
      <c r="R42" s="68">
        <v>4952</v>
      </c>
      <c r="S42" s="68">
        <v>854</v>
      </c>
      <c r="T42" s="68">
        <v>151</v>
      </c>
      <c r="U42" s="86">
        <v>35657</v>
      </c>
    </row>
    <row r="43" spans="1:21" ht="10" customHeight="1" x14ac:dyDescent="0.2">
      <c r="A43" s="236" t="s">
        <v>211</v>
      </c>
      <c r="B43" s="252"/>
      <c r="C43" s="252"/>
      <c r="D43" s="3" t="s">
        <v>212</v>
      </c>
      <c r="E43" s="16"/>
      <c r="F43" s="12"/>
      <c r="G43" s="12"/>
      <c r="H43" s="12"/>
      <c r="I43" s="12"/>
      <c r="J43" s="17"/>
      <c r="K43" s="154" t="s">
        <v>304</v>
      </c>
      <c r="L43" s="155" t="s">
        <v>304</v>
      </c>
      <c r="M43" s="155" t="s">
        <v>304</v>
      </c>
      <c r="N43" s="155" t="s">
        <v>33</v>
      </c>
      <c r="O43" s="155" t="s">
        <v>304</v>
      </c>
      <c r="P43" s="155" t="s">
        <v>304</v>
      </c>
      <c r="Q43" s="155" t="s">
        <v>304</v>
      </c>
      <c r="R43" s="155" t="s">
        <v>304</v>
      </c>
      <c r="S43" s="155" t="s">
        <v>304</v>
      </c>
      <c r="T43" s="155" t="s">
        <v>304</v>
      </c>
      <c r="U43" s="86">
        <v>9</v>
      </c>
    </row>
    <row r="44" spans="1:21" ht="10" customHeight="1" x14ac:dyDescent="0.2">
      <c r="A44" s="253"/>
      <c r="B44" s="252"/>
      <c r="C44" s="252"/>
      <c r="D44" s="3" t="s">
        <v>213</v>
      </c>
      <c r="E44" s="16"/>
      <c r="F44" s="12"/>
      <c r="G44" s="12"/>
      <c r="H44" s="12"/>
      <c r="I44" s="12"/>
      <c r="J44" s="17"/>
      <c r="K44" s="154" t="s">
        <v>304</v>
      </c>
      <c r="L44" s="155" t="s">
        <v>304</v>
      </c>
      <c r="M44" s="155" t="s">
        <v>304</v>
      </c>
      <c r="N44" s="155" t="s">
        <v>33</v>
      </c>
      <c r="O44" s="155" t="s">
        <v>33</v>
      </c>
      <c r="P44" s="155" t="s">
        <v>304</v>
      </c>
      <c r="Q44" s="155" t="s">
        <v>304</v>
      </c>
      <c r="R44" s="155" t="s">
        <v>304</v>
      </c>
      <c r="S44" s="155" t="s">
        <v>33</v>
      </c>
      <c r="T44" s="155" t="s">
        <v>33</v>
      </c>
      <c r="U44" s="86">
        <v>6</v>
      </c>
    </row>
    <row r="45" spans="1:21" ht="10" customHeight="1" x14ac:dyDescent="0.2">
      <c r="A45" s="253"/>
      <c r="B45" s="252"/>
      <c r="C45" s="252"/>
      <c r="D45" s="3" t="s">
        <v>214</v>
      </c>
      <c r="E45" s="16"/>
      <c r="F45" s="12"/>
      <c r="G45" s="12"/>
      <c r="H45" s="12"/>
      <c r="I45" s="12"/>
      <c r="J45" s="17"/>
      <c r="K45" s="154" t="s">
        <v>304</v>
      </c>
      <c r="L45" s="155" t="s">
        <v>304</v>
      </c>
      <c r="M45" s="155" t="s">
        <v>33</v>
      </c>
      <c r="N45" s="155" t="s">
        <v>33</v>
      </c>
      <c r="O45" s="155" t="s">
        <v>33</v>
      </c>
      <c r="P45" s="155" t="s">
        <v>33</v>
      </c>
      <c r="Q45" s="155" t="s">
        <v>304</v>
      </c>
      <c r="R45" s="155" t="s">
        <v>33</v>
      </c>
      <c r="S45" s="155" t="s">
        <v>33</v>
      </c>
      <c r="T45" s="155" t="s">
        <v>33</v>
      </c>
      <c r="U45" s="86">
        <v>3</v>
      </c>
    </row>
    <row r="46" spans="1:21" ht="10" customHeight="1" x14ac:dyDescent="0.2">
      <c r="A46" s="254"/>
      <c r="B46" s="255"/>
      <c r="C46" s="255"/>
      <c r="D46" s="9" t="s">
        <v>215</v>
      </c>
      <c r="E46" s="18"/>
      <c r="F46" s="13"/>
      <c r="G46" s="13"/>
      <c r="H46" s="13"/>
      <c r="I46" s="13"/>
      <c r="J46" s="20"/>
      <c r="K46" s="156" t="s">
        <v>304</v>
      </c>
      <c r="L46" s="157" t="s">
        <v>33</v>
      </c>
      <c r="M46" s="157" t="s">
        <v>304</v>
      </c>
      <c r="N46" s="157" t="s">
        <v>33</v>
      </c>
      <c r="O46" s="157" t="s">
        <v>304</v>
      </c>
      <c r="P46" s="157" t="s">
        <v>304</v>
      </c>
      <c r="Q46" s="157" t="s">
        <v>304</v>
      </c>
      <c r="R46" s="157" t="s">
        <v>304</v>
      </c>
      <c r="S46" s="157" t="s">
        <v>304</v>
      </c>
      <c r="T46" s="157" t="s">
        <v>33</v>
      </c>
      <c r="U46" s="158">
        <v>7</v>
      </c>
    </row>
    <row r="47" spans="1:21" ht="10" customHeight="1" x14ac:dyDescent="0.2">
      <c r="A47" s="11"/>
      <c r="K47" s="11"/>
      <c r="L47" s="11"/>
      <c r="M47" s="11"/>
      <c r="N47" s="11"/>
      <c r="O47" s="11"/>
      <c r="P47" s="11"/>
    </row>
    <row r="58" spans="4:22" ht="10" customHeight="1" x14ac:dyDescent="0.2">
      <c r="D58" s="39"/>
      <c r="V58" s="4"/>
    </row>
    <row r="59" spans="4:22" ht="10" customHeight="1" x14ac:dyDescent="0.2">
      <c r="D59" s="39"/>
      <c r="V59" s="4"/>
    </row>
    <row r="60" spans="4:22" ht="10" customHeight="1" x14ac:dyDescent="0.2">
      <c r="D60" s="39"/>
      <c r="V60" s="4"/>
    </row>
    <row r="61" spans="4:22" ht="10" customHeight="1" x14ac:dyDescent="0.2">
      <c r="D61" s="39"/>
      <c r="V61" s="4"/>
    </row>
    <row r="62" spans="4:22" ht="10" customHeight="1" x14ac:dyDescent="0.2">
      <c r="D62" s="39"/>
      <c r="V62" s="4"/>
    </row>
    <row r="63" spans="4:22" ht="10" customHeight="1" x14ac:dyDescent="0.2">
      <c r="D63" s="39"/>
      <c r="V63" s="4"/>
    </row>
  </sheetData>
  <mergeCells count="45">
    <mergeCell ref="A43:C46"/>
    <mergeCell ref="C37:D37"/>
    <mergeCell ref="C36:D36"/>
    <mergeCell ref="A24:A38"/>
    <mergeCell ref="B24:D24"/>
    <mergeCell ref="B25:D25"/>
    <mergeCell ref="B26:D26"/>
    <mergeCell ref="B27:D27"/>
    <mergeCell ref="B28:D28"/>
    <mergeCell ref="C29:D29"/>
    <mergeCell ref="C30:C32"/>
    <mergeCell ref="C33:D33"/>
    <mergeCell ref="C34:D34"/>
    <mergeCell ref="C35:D35"/>
    <mergeCell ref="C38:D38"/>
    <mergeCell ref="B39:D39"/>
    <mergeCell ref="B40:D40"/>
    <mergeCell ref="B41:D41"/>
    <mergeCell ref="B42:D42"/>
    <mergeCell ref="A39:A42"/>
    <mergeCell ref="C20:D20"/>
    <mergeCell ref="C21:D21"/>
    <mergeCell ref="C22:D22"/>
    <mergeCell ref="C23:D23"/>
    <mergeCell ref="A8:A23"/>
    <mergeCell ref="B8:B15"/>
    <mergeCell ref="C8:D8"/>
    <mergeCell ref="C9:D9"/>
    <mergeCell ref="C10:D10"/>
    <mergeCell ref="B16:B23"/>
    <mergeCell ref="C16:D16"/>
    <mergeCell ref="C17:D17"/>
    <mergeCell ref="C18:D18"/>
    <mergeCell ref="C19:D19"/>
    <mergeCell ref="C11:D11"/>
    <mergeCell ref="C12:D12"/>
    <mergeCell ref="C13:D13"/>
    <mergeCell ref="C14:D14"/>
    <mergeCell ref="C15:D15"/>
    <mergeCell ref="B7:D7"/>
    <mergeCell ref="A1:D2"/>
    <mergeCell ref="A3:D3"/>
    <mergeCell ref="B4:D4"/>
    <mergeCell ref="B5:D5"/>
    <mergeCell ref="B6:D6"/>
  </mergeCells>
  <phoneticPr fontId="3"/>
  <conditionalFormatting sqref="K39:T42">
    <cfRule type="cellIs" dxfId="2" priority="19" stopIfTrue="1" operator="equal">
      <formula>0</formula>
    </cfRule>
  </conditionalFormatting>
  <conditionalFormatting sqref="K3:U38">
    <cfRule type="cellIs" dxfId="1" priority="2" stopIfTrue="1" operator="equal">
      <formula>0</formula>
    </cfRule>
  </conditionalFormatting>
  <conditionalFormatting sqref="U39:U46">
    <cfRule type="cellIs" dxfId="0" priority="5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164" fitToWidth="0" orientation="portrait" useFirstPageNumber="1" r:id="rId1"/>
  <headerFooter scaleWithDoc="0">
    <oddHeader>&amp;L&amp;"ＭＳ ゴシック,標準"&amp;12Ⅳ　令和６年度地方公営企業事業別決算状況
　３　病院事業（法適用事業）&amp;R&amp;"ＭＳ ゴシック,標準"&amp;12
&amp;A</oddHeader>
    <oddFooter xml:space="preserve">&amp;C&amp;"ＭＳ ゴシック,標準"&amp;9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0</vt:i4>
      </vt:variant>
    </vt:vector>
  </HeadingPairs>
  <TitlesOfParts>
    <vt:vector size="15" baseType="lpstr">
      <vt:lpstr>ア　施設及び業務の概況</vt:lpstr>
      <vt:lpstr>イ　損益計算書</vt:lpstr>
      <vt:lpstr>ウ　貸借対照表</vt:lpstr>
      <vt:lpstr>エ　資本的収支に関する調</vt:lpstr>
      <vt:lpstr>オ　経営分析（各種数値）</vt:lpstr>
      <vt:lpstr>'ア　施設及び業務の概況'!Print_Area</vt:lpstr>
      <vt:lpstr>'イ　損益計算書'!Print_Area</vt:lpstr>
      <vt:lpstr>'ウ　貸借対照表'!Print_Area</vt:lpstr>
      <vt:lpstr>'エ　資本的収支に関する調'!Print_Area</vt:lpstr>
      <vt:lpstr>'オ　経営分析（各種数値）'!Print_Area</vt:lpstr>
      <vt:lpstr>'ア　施設及び業務の概況'!Print_Titles</vt:lpstr>
      <vt:lpstr>'イ　損益計算書'!Print_Titles</vt:lpstr>
      <vt:lpstr>'ウ　貸借対照表'!Print_Titles</vt:lpstr>
      <vt:lpstr>'エ　資本的収支に関する調'!Print_Titles</vt:lpstr>
      <vt:lpstr>'オ　経営分析（各種数値）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2-05T01:03:59Z</cp:lastPrinted>
  <dcterms:created xsi:type="dcterms:W3CDTF">2016-01-04T02:09:03Z</dcterms:created>
  <dcterms:modified xsi:type="dcterms:W3CDTF">2026-02-05T01:05:20Z</dcterms:modified>
</cp:coreProperties>
</file>